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0702\02_技術管理グループ（技術）\02_総合評価\05_評価項目等確認用ファイル（事務所通知）\05_12月修正\02_施行\"/>
    </mc:Choice>
  </mc:AlternateContent>
  <xr:revisionPtr revIDLastSave="0" documentId="13_ncr:1_{E0DF27C1-3BE8-49E9-9F3F-03420F3F766F}" xr6:coauthVersionLast="47" xr6:coauthVersionMax="47" xr10:uidLastSave="{00000000-0000-0000-0000-000000000000}"/>
  <bookViews>
    <workbookView xWindow="-105" yWindow="-16320" windowWidth="29040" windowHeight="15720" xr2:uid="{00000000-000D-0000-FFFF-FFFF00000000}"/>
  </bookViews>
  <sheets>
    <sheet name="R6公開用" sheetId="14" r:id="rId1"/>
  </sheets>
  <definedNames>
    <definedName name="_xlnm._FilterDatabase" localSheetId="0" hidden="1">'R6公開用'!$A$5:$I$562</definedName>
    <definedName name="BAN">#REF!</definedName>
    <definedName name="Ｈ６Ｈ７">#REF!</definedName>
    <definedName name="_xlnm.Print_Titles" localSheetId="0">'R6公開用'!$1:$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913" uniqueCount="1323">
  <si>
    <t>横浜川崎治水事務所</t>
  </si>
  <si>
    <t>水道施設課</t>
  </si>
  <si>
    <t>自然環境保全センター</t>
    <rPh sb="0" eb="2">
      <t>シゼン</t>
    </rPh>
    <rPh sb="2" eb="4">
      <t>カンキョウ</t>
    </rPh>
    <rPh sb="4" eb="6">
      <t>ホゼン</t>
    </rPh>
    <phoneticPr fontId="2"/>
  </si>
  <si>
    <t>藤沢土木事務所</t>
  </si>
  <si>
    <t>平塚土木事務所</t>
  </si>
  <si>
    <t>住宅営繕事務所</t>
  </si>
  <si>
    <t>番号</t>
    <rPh sb="0" eb="2">
      <t>バンゴウ</t>
    </rPh>
    <phoneticPr fontId="2"/>
  </si>
  <si>
    <t>藤沢土木事務所</t>
    <rPh sb="0" eb="2">
      <t>フジサワ</t>
    </rPh>
    <rPh sb="2" eb="4">
      <t>ドボク</t>
    </rPh>
    <rPh sb="4" eb="6">
      <t>ジム</t>
    </rPh>
    <rPh sb="6" eb="7">
      <t>ショ</t>
    </rPh>
    <phoneticPr fontId="3"/>
  </si>
  <si>
    <t>住宅営繕事務所</t>
    <rPh sb="0" eb="2">
      <t>ジュウタク</t>
    </rPh>
    <rPh sb="2" eb="4">
      <t>エイゼン</t>
    </rPh>
    <rPh sb="4" eb="6">
      <t>ジム</t>
    </rPh>
    <rPh sb="6" eb="7">
      <t>ショ</t>
    </rPh>
    <phoneticPr fontId="3"/>
  </si>
  <si>
    <t>株式会社　康栄社</t>
  </si>
  <si>
    <t>株式会社　紅梅組</t>
  </si>
  <si>
    <t>有限会社　大畠工務店</t>
  </si>
  <si>
    <t>有限会社　大豊設備工業</t>
  </si>
  <si>
    <t>株式会社　加藤工務店</t>
  </si>
  <si>
    <t>有限会社　森環境開発</t>
  </si>
  <si>
    <t>平塚土木事務所</t>
    <rPh sb="0" eb="2">
      <t>ヒラツカ</t>
    </rPh>
    <rPh sb="2" eb="4">
      <t>ドボク</t>
    </rPh>
    <rPh sb="4" eb="6">
      <t>ジム</t>
    </rPh>
    <rPh sb="6" eb="7">
      <t>ショ</t>
    </rPh>
    <phoneticPr fontId="2"/>
  </si>
  <si>
    <t>株式会社　滝美園</t>
    <rPh sb="0" eb="8">
      <t>　　　　　　　タキミエン</t>
    </rPh>
    <phoneticPr fontId="0"/>
  </si>
  <si>
    <t>株式会社　池田建設</t>
    <rPh sb="0" eb="2">
      <t>カブシキ</t>
    </rPh>
    <rPh sb="2" eb="4">
      <t>カイシャ</t>
    </rPh>
    <rPh sb="5" eb="7">
      <t>イケダ</t>
    </rPh>
    <rPh sb="7" eb="9">
      <t>ケンセツ</t>
    </rPh>
    <phoneticPr fontId="4"/>
  </si>
  <si>
    <t>国道134号（唐ケ原工区）道路改良工事</t>
    <rPh sb="0" eb="2">
      <t>コクドウ</t>
    </rPh>
    <rPh sb="5" eb="6">
      <t>ゴウ</t>
    </rPh>
    <rPh sb="7" eb="8">
      <t>トウ</t>
    </rPh>
    <rPh sb="9" eb="10">
      <t>ハラ</t>
    </rPh>
    <rPh sb="10" eb="12">
      <t>コウク</t>
    </rPh>
    <rPh sb="13" eb="15">
      <t>ドウロ</t>
    </rPh>
    <rPh sb="15" eb="17">
      <t>カイリョウ</t>
    </rPh>
    <rPh sb="17" eb="19">
      <t>コウジ</t>
    </rPh>
    <phoneticPr fontId="2"/>
  </si>
  <si>
    <t>株式会社　エス・ケイ・ディ</t>
    <rPh sb="0" eb="2">
      <t>カブシキ</t>
    </rPh>
    <rPh sb="2" eb="4">
      <t>カイシャ</t>
    </rPh>
    <phoneticPr fontId="4"/>
  </si>
  <si>
    <t>国道134号（虹ケ浜工区）道路改良工事</t>
    <rPh sb="0" eb="2">
      <t>コクドウ</t>
    </rPh>
    <rPh sb="5" eb="6">
      <t>ゴウ</t>
    </rPh>
    <rPh sb="7" eb="8">
      <t>ニジ</t>
    </rPh>
    <rPh sb="9" eb="10">
      <t>ハマ</t>
    </rPh>
    <rPh sb="10" eb="12">
      <t>コウク</t>
    </rPh>
    <rPh sb="13" eb="15">
      <t>ドウロ</t>
    </rPh>
    <rPh sb="15" eb="17">
      <t>カイリョウ</t>
    </rPh>
    <rPh sb="17" eb="19">
      <t>コウジ</t>
    </rPh>
    <phoneticPr fontId="2"/>
  </si>
  <si>
    <t>株式会社　伊達建設</t>
    <rPh sb="0" eb="2">
      <t>カブシキ</t>
    </rPh>
    <rPh sb="2" eb="4">
      <t>カイシャ</t>
    </rPh>
    <rPh sb="5" eb="7">
      <t>ダテ</t>
    </rPh>
    <phoneticPr fontId="4"/>
  </si>
  <si>
    <t>県道611号　大山バイパス道路改良工事</t>
    <rPh sb="0" eb="1">
      <t>ケン</t>
    </rPh>
    <rPh sb="1" eb="2">
      <t>ドウ</t>
    </rPh>
    <rPh sb="5" eb="6">
      <t>ゴウ</t>
    </rPh>
    <rPh sb="7" eb="9">
      <t>オオヤマ</t>
    </rPh>
    <rPh sb="13" eb="15">
      <t>ドウロ</t>
    </rPh>
    <rPh sb="15" eb="17">
      <t>カイリョウ</t>
    </rPh>
    <rPh sb="17" eb="19">
      <t>コウジ</t>
    </rPh>
    <phoneticPr fontId="2"/>
  </si>
  <si>
    <t>三浦縦貫道路Ⅱ期　道路改良工事</t>
    <rPh sb="9" eb="11">
      <t>ドウロ</t>
    </rPh>
    <rPh sb="11" eb="13">
      <t>カイリョウ</t>
    </rPh>
    <rPh sb="13" eb="15">
      <t>コウジ</t>
    </rPh>
    <phoneticPr fontId="2"/>
  </si>
  <si>
    <t>根小屋地区急傾斜地崩壊対策工事</t>
    <rPh sb="0" eb="1">
      <t>ネ</t>
    </rPh>
    <rPh sb="1" eb="2">
      <t>ショウ</t>
    </rPh>
    <rPh sb="3" eb="5">
      <t>チク</t>
    </rPh>
    <rPh sb="5" eb="6">
      <t>キュウ</t>
    </rPh>
    <rPh sb="6" eb="9">
      <t>ケイシャチ</t>
    </rPh>
    <rPh sb="9" eb="11">
      <t>ホウカイ</t>
    </rPh>
    <rPh sb="11" eb="13">
      <t>タイサク</t>
    </rPh>
    <rPh sb="13" eb="15">
      <t>コウジ</t>
    </rPh>
    <phoneticPr fontId="2"/>
  </si>
  <si>
    <t>株式会社　アコック</t>
    <rPh sb="0" eb="2">
      <t>カブシキ</t>
    </rPh>
    <rPh sb="2" eb="4">
      <t>カイシャ</t>
    </rPh>
    <phoneticPr fontId="2"/>
  </si>
  <si>
    <t>道志ダム網場設置工事</t>
    <rPh sb="0" eb="2">
      <t>ドウシ</t>
    </rPh>
    <rPh sb="4" eb="5">
      <t>アミ</t>
    </rPh>
    <rPh sb="5" eb="6">
      <t>ジョウ</t>
    </rPh>
    <rPh sb="6" eb="8">
      <t>セッチ</t>
    </rPh>
    <rPh sb="8" eb="10">
      <t>コウジ</t>
    </rPh>
    <phoneticPr fontId="4"/>
  </si>
  <si>
    <t>県立津久井湖城山公園 公園整備工事</t>
    <rPh sb="0" eb="2">
      <t>ケンリツ</t>
    </rPh>
    <rPh sb="2" eb="5">
      <t>ツクイ</t>
    </rPh>
    <rPh sb="5" eb="6">
      <t>コ</t>
    </rPh>
    <rPh sb="6" eb="8">
      <t>シロヤマ</t>
    </rPh>
    <rPh sb="8" eb="10">
      <t>コウエン</t>
    </rPh>
    <rPh sb="11" eb="13">
      <t>コウエン</t>
    </rPh>
    <rPh sb="13" eb="15">
      <t>セイビ</t>
    </rPh>
    <rPh sb="15" eb="17">
      <t>コウジ</t>
    </rPh>
    <phoneticPr fontId="2"/>
  </si>
  <si>
    <t>関東緑地土木　株式会社</t>
    <rPh sb="7" eb="9">
      <t>カブシキ</t>
    </rPh>
    <rPh sb="9" eb="11">
      <t>カイシャ</t>
    </rPh>
    <phoneticPr fontId="3"/>
  </si>
  <si>
    <t>県道40号　海老名跨線橋　耐震補強工事</t>
    <rPh sb="0" eb="2">
      <t>ケンドウ</t>
    </rPh>
    <rPh sb="4" eb="5">
      <t>ゴウ</t>
    </rPh>
    <rPh sb="6" eb="9">
      <t>エビナ</t>
    </rPh>
    <rPh sb="9" eb="12">
      <t>コセンキョウ</t>
    </rPh>
    <rPh sb="13" eb="15">
      <t>タイシン</t>
    </rPh>
    <rPh sb="15" eb="17">
      <t>ホキョウ</t>
    </rPh>
    <rPh sb="17" eb="19">
      <t>コウジ</t>
    </rPh>
    <phoneticPr fontId="2"/>
  </si>
  <si>
    <t>湘南海岸砂防林防風ネット補修工事</t>
    <rPh sb="0" eb="2">
      <t>ショウナン</t>
    </rPh>
    <rPh sb="2" eb="4">
      <t>カイガン</t>
    </rPh>
    <rPh sb="4" eb="6">
      <t>サボウ</t>
    </rPh>
    <rPh sb="6" eb="7">
      <t>リン</t>
    </rPh>
    <rPh sb="7" eb="9">
      <t>ボウフウ</t>
    </rPh>
    <rPh sb="12" eb="14">
      <t>ホシュウ</t>
    </rPh>
    <rPh sb="14" eb="16">
      <t>コウジ</t>
    </rPh>
    <phoneticPr fontId="2"/>
  </si>
  <si>
    <t>横浜川崎治水事務所</t>
    <rPh sb="0" eb="2">
      <t>ヨコハマ</t>
    </rPh>
    <rPh sb="2" eb="4">
      <t>カワサキ</t>
    </rPh>
    <rPh sb="4" eb="6">
      <t>チスイ</t>
    </rPh>
    <rPh sb="6" eb="8">
      <t>ジム</t>
    </rPh>
    <rPh sb="8" eb="9">
      <t>ショ</t>
    </rPh>
    <phoneticPr fontId="3"/>
  </si>
  <si>
    <t>小雀建設　株式会社</t>
    <rPh sb="0" eb="2">
      <t>コスズメ</t>
    </rPh>
    <rPh sb="2" eb="4">
      <t>ケンセツ</t>
    </rPh>
    <rPh sb="5" eb="7">
      <t>カブシキ</t>
    </rPh>
    <rPh sb="7" eb="9">
      <t>カイシャ</t>
    </rPh>
    <phoneticPr fontId="3"/>
  </si>
  <si>
    <t>大岡川 河川再生工事</t>
  </si>
  <si>
    <t>厚木土木事務所</t>
    <rPh sb="0" eb="2">
      <t>アツギ</t>
    </rPh>
    <rPh sb="2" eb="4">
      <t>ドボク</t>
    </rPh>
    <rPh sb="4" eb="6">
      <t>ジム</t>
    </rPh>
    <rPh sb="6" eb="7">
      <t>ショ</t>
    </rPh>
    <phoneticPr fontId="4"/>
  </si>
  <si>
    <t>株式会社　落合組　</t>
    <rPh sb="0" eb="2">
      <t>カブシキ</t>
    </rPh>
    <rPh sb="2" eb="4">
      <t>カイシャ</t>
    </rPh>
    <rPh sb="5" eb="8">
      <t>オチアイグミ</t>
    </rPh>
    <phoneticPr fontId="4"/>
  </si>
  <si>
    <t>真名倉沢　砂防堰堤工事</t>
    <rPh sb="0" eb="1">
      <t>マ</t>
    </rPh>
    <rPh sb="1" eb="3">
      <t>ナクラ</t>
    </rPh>
    <rPh sb="3" eb="4">
      <t>サワ</t>
    </rPh>
    <rPh sb="5" eb="7">
      <t>サボウ</t>
    </rPh>
    <rPh sb="7" eb="9">
      <t>エンテイ</t>
    </rPh>
    <rPh sb="9" eb="11">
      <t>コウジ</t>
    </rPh>
    <phoneticPr fontId="2"/>
  </si>
  <si>
    <t>ツチヤ総建　株式会社</t>
    <rPh sb="3" eb="4">
      <t>ソウ</t>
    </rPh>
    <rPh sb="4" eb="5">
      <t>ケン</t>
    </rPh>
    <rPh sb="6" eb="8">
      <t>カブシキ</t>
    </rPh>
    <rPh sb="8" eb="10">
      <t>カイシャ</t>
    </rPh>
    <phoneticPr fontId="3"/>
  </si>
  <si>
    <t>県道56号　道路補修工事</t>
    <rPh sb="0" eb="2">
      <t>ケンドウ</t>
    </rPh>
    <rPh sb="4" eb="5">
      <t>ゴウ</t>
    </rPh>
    <rPh sb="6" eb="8">
      <t>ドウロ</t>
    </rPh>
    <rPh sb="8" eb="10">
      <t>ホシュウ</t>
    </rPh>
    <rPh sb="10" eb="12">
      <t>コウジ</t>
    </rPh>
    <phoneticPr fontId="2"/>
  </si>
  <si>
    <t>清光建設　株式会社</t>
    <rPh sb="0" eb="1">
      <t>セイ</t>
    </rPh>
    <rPh sb="1" eb="2">
      <t>コウ</t>
    </rPh>
    <rPh sb="2" eb="4">
      <t>ケンセツ</t>
    </rPh>
    <rPh sb="5" eb="7">
      <t>カブシキ</t>
    </rPh>
    <rPh sb="7" eb="9">
      <t>カイシャ</t>
    </rPh>
    <phoneticPr fontId="3"/>
  </si>
  <si>
    <t>県道22号（用田バイパス）
用田橋際交差点改良工事</t>
    <rPh sb="0" eb="2">
      <t>ケンドウ</t>
    </rPh>
    <rPh sb="4" eb="5">
      <t>ゴウ</t>
    </rPh>
    <rPh sb="6" eb="8">
      <t>ヨウダ</t>
    </rPh>
    <rPh sb="14" eb="16">
      <t>ヨウダ</t>
    </rPh>
    <rPh sb="16" eb="17">
      <t>バシ</t>
    </rPh>
    <rPh sb="17" eb="18">
      <t>キワ</t>
    </rPh>
    <rPh sb="18" eb="21">
      <t>コウサテン</t>
    </rPh>
    <rPh sb="21" eb="23">
      <t>カイリョウ</t>
    </rPh>
    <rPh sb="23" eb="25">
      <t>コウジ</t>
    </rPh>
    <phoneticPr fontId="2"/>
  </si>
  <si>
    <t>住宅営繕事務所</t>
    <rPh sb="0" eb="2">
      <t>ジュウタク</t>
    </rPh>
    <rPh sb="2" eb="4">
      <t>エイゼン</t>
    </rPh>
    <rPh sb="4" eb="6">
      <t>ジム</t>
    </rPh>
    <rPh sb="6" eb="7">
      <t>ショ</t>
    </rPh>
    <phoneticPr fontId="1"/>
  </si>
  <si>
    <t>久野建設　株式会社</t>
    <rPh sb="0" eb="2">
      <t>クノ</t>
    </rPh>
    <rPh sb="2" eb="4">
      <t>ケンセツ</t>
    </rPh>
    <rPh sb="5" eb="7">
      <t>カブシキ</t>
    </rPh>
    <rPh sb="7" eb="9">
      <t>カイシャ</t>
    </rPh>
    <phoneticPr fontId="6"/>
  </si>
  <si>
    <t>上溝高校本館他新築工事(建築)</t>
    <rPh sb="0" eb="2">
      <t>カミミゾ</t>
    </rPh>
    <rPh sb="2" eb="4">
      <t>コウコウ</t>
    </rPh>
    <rPh sb="4" eb="6">
      <t>ホンカン</t>
    </rPh>
    <rPh sb="6" eb="7">
      <t>ホカ</t>
    </rPh>
    <rPh sb="7" eb="9">
      <t>シンチク</t>
    </rPh>
    <rPh sb="9" eb="11">
      <t>コウジ</t>
    </rPh>
    <rPh sb="12" eb="14">
      <t>ケンチク</t>
    </rPh>
    <phoneticPr fontId="6"/>
  </si>
  <si>
    <t>県西土木事務所</t>
    <rPh sb="0" eb="2">
      <t>ケンセイ</t>
    </rPh>
    <rPh sb="2" eb="4">
      <t>ドボク</t>
    </rPh>
    <rPh sb="4" eb="6">
      <t>ジム</t>
    </rPh>
    <rPh sb="6" eb="7">
      <t>ショ</t>
    </rPh>
    <phoneticPr fontId="3"/>
  </si>
  <si>
    <t xml:space="preserve">二級河川　酒匂川　河川改修工事
</t>
    <rPh sb="0" eb="2">
      <t>ニキュウ</t>
    </rPh>
    <rPh sb="2" eb="4">
      <t>カセン</t>
    </rPh>
    <rPh sb="5" eb="7">
      <t>サカワ</t>
    </rPh>
    <rPh sb="7" eb="8">
      <t>カワ</t>
    </rPh>
    <rPh sb="9" eb="11">
      <t>カセン</t>
    </rPh>
    <rPh sb="11" eb="13">
      <t>カイシュウ</t>
    </rPh>
    <rPh sb="13" eb="15">
      <t>コウジ</t>
    </rPh>
    <phoneticPr fontId="3"/>
  </si>
  <si>
    <t>国道1号　道路改良工事</t>
    <rPh sb="0" eb="2">
      <t>コクドウ</t>
    </rPh>
    <rPh sb="3" eb="4">
      <t>ゴウ</t>
    </rPh>
    <rPh sb="5" eb="7">
      <t>ドウロ</t>
    </rPh>
    <rPh sb="7" eb="9">
      <t>カイリョウ</t>
    </rPh>
    <rPh sb="9" eb="11">
      <t>コウジ</t>
    </rPh>
    <phoneticPr fontId="3"/>
  </si>
  <si>
    <t>県道74号 切通し交差点改良工事</t>
    <rPh sb="0" eb="2">
      <t>ケンドウ</t>
    </rPh>
    <rPh sb="4" eb="5">
      <t>ゴウ</t>
    </rPh>
    <rPh sb="6" eb="7">
      <t>キリ</t>
    </rPh>
    <rPh sb="7" eb="8">
      <t>ツウ</t>
    </rPh>
    <rPh sb="9" eb="12">
      <t>コウサテン</t>
    </rPh>
    <rPh sb="12" eb="14">
      <t>カイリョウ</t>
    </rPh>
    <rPh sb="14" eb="15">
      <t>コウ</t>
    </rPh>
    <rPh sb="15" eb="16">
      <t>ジ</t>
    </rPh>
    <phoneticPr fontId="3"/>
  </si>
  <si>
    <t>有限会社　下里建設</t>
    <rPh sb="0" eb="2">
      <t>ユウゲン</t>
    </rPh>
    <rPh sb="2" eb="4">
      <t>カイシャ</t>
    </rPh>
    <rPh sb="5" eb="7">
      <t>シモサト</t>
    </rPh>
    <phoneticPr fontId="4"/>
  </si>
  <si>
    <t>寒川浄水場</t>
    <rPh sb="0" eb="2">
      <t>サムカワ</t>
    </rPh>
    <rPh sb="2" eb="5">
      <t>ジョウスイジョウ</t>
    </rPh>
    <phoneticPr fontId="1"/>
  </si>
  <si>
    <t>東名電気　有限会社</t>
    <rPh sb="5" eb="7">
      <t>ユウゲン</t>
    </rPh>
    <rPh sb="7" eb="9">
      <t>カイシャ</t>
    </rPh>
    <phoneticPr fontId="2"/>
  </si>
  <si>
    <t>寒川浄水場管内ポンプ所電気設備更新工事</t>
    <rPh sb="0" eb="2">
      <t>サムカワ</t>
    </rPh>
    <rPh sb="2" eb="4">
      <t>ジョウスイ</t>
    </rPh>
    <rPh sb="4" eb="5">
      <t>ジョウ</t>
    </rPh>
    <rPh sb="5" eb="7">
      <t>カンナイ</t>
    </rPh>
    <rPh sb="10" eb="11">
      <t>ジョ</t>
    </rPh>
    <rPh sb="11" eb="13">
      <t>デンキ</t>
    </rPh>
    <rPh sb="13" eb="15">
      <t>セツビ</t>
    </rPh>
    <rPh sb="15" eb="17">
      <t>コウシン</t>
    </rPh>
    <rPh sb="17" eb="19">
      <t>コウジ</t>
    </rPh>
    <phoneticPr fontId="4"/>
  </si>
  <si>
    <t>株式会社　蒲谷工務店　</t>
    <rPh sb="0" eb="2">
      <t>カブシキ</t>
    </rPh>
    <rPh sb="2" eb="4">
      <t>カイシャ</t>
    </rPh>
    <rPh sb="5" eb="7">
      <t>カバヤ</t>
    </rPh>
    <rPh sb="7" eb="10">
      <t>コウムテン</t>
    </rPh>
    <phoneticPr fontId="3"/>
  </si>
  <si>
    <t>有限会社　岩田組</t>
    <rPh sb="0" eb="2">
      <t>ユウゲン</t>
    </rPh>
    <rPh sb="2" eb="4">
      <t>カイシャ</t>
    </rPh>
    <phoneticPr fontId="4"/>
  </si>
  <si>
    <t>東海自然歩道（黍殻山～袖平山）整備工事</t>
  </si>
  <si>
    <t>有限会社　栁川組　</t>
    <rPh sb="0" eb="2">
      <t>ユウゲン</t>
    </rPh>
    <rPh sb="2" eb="4">
      <t>カイシャ</t>
    </rPh>
    <rPh sb="5" eb="7">
      <t>ヤナガワ</t>
    </rPh>
    <rPh sb="7" eb="8">
      <t>グミ</t>
    </rPh>
    <phoneticPr fontId="3"/>
  </si>
  <si>
    <t xml:space="preserve">二級河川　洞川　河川維持改修工事
</t>
    <rPh sb="0" eb="2">
      <t>ニキュウ</t>
    </rPh>
    <rPh sb="2" eb="4">
      <t>カセン</t>
    </rPh>
    <rPh sb="5" eb="6">
      <t>ドウ</t>
    </rPh>
    <rPh sb="6" eb="7">
      <t>カワ</t>
    </rPh>
    <phoneticPr fontId="2"/>
  </si>
  <si>
    <t>日総プランテック　株式会社</t>
    <rPh sb="0" eb="1">
      <t>ヒ</t>
    </rPh>
    <rPh sb="1" eb="2">
      <t>ソウ</t>
    </rPh>
    <rPh sb="9" eb="11">
      <t>カブシキ</t>
    </rPh>
    <rPh sb="11" eb="13">
      <t>カイシャ</t>
    </rPh>
    <phoneticPr fontId="1"/>
  </si>
  <si>
    <t>厚木保健福祉事務所大和センター外壁等改修工事</t>
    <rPh sb="0" eb="15">
      <t>アツギ</t>
    </rPh>
    <rPh sb="15" eb="18">
      <t>ガイヘキトウ</t>
    </rPh>
    <rPh sb="18" eb="20">
      <t>カイシュウ</t>
    </rPh>
    <rPh sb="20" eb="22">
      <t>コウジ</t>
    </rPh>
    <phoneticPr fontId="1"/>
  </si>
  <si>
    <t>株式会社　コハラ</t>
    <rPh sb="0" eb="2">
      <t>カブシキ</t>
    </rPh>
    <rPh sb="2" eb="4">
      <t>カイシャ</t>
    </rPh>
    <phoneticPr fontId="2"/>
  </si>
  <si>
    <t>茅ヶ崎市本村１丁目地内配水管切回工事</t>
    <rPh sb="0" eb="4">
      <t>チガサキシ</t>
    </rPh>
    <rPh sb="4" eb="6">
      <t>ホンムラ</t>
    </rPh>
    <rPh sb="7" eb="9">
      <t>チョウメ</t>
    </rPh>
    <rPh sb="9" eb="10">
      <t>チ</t>
    </rPh>
    <rPh sb="10" eb="11">
      <t>ナイ</t>
    </rPh>
    <rPh sb="11" eb="14">
      <t>ハイスイカン</t>
    </rPh>
    <rPh sb="14" eb="16">
      <t>キリマワ</t>
    </rPh>
    <rPh sb="16" eb="18">
      <t>コウジ</t>
    </rPh>
    <phoneticPr fontId="4"/>
  </si>
  <si>
    <t>有限会社　平田建設工業　</t>
    <rPh sb="0" eb="2">
      <t>ユウゲン</t>
    </rPh>
    <rPh sb="2" eb="4">
      <t>カイシャ</t>
    </rPh>
    <rPh sb="5" eb="7">
      <t>ヒラタ</t>
    </rPh>
    <phoneticPr fontId="3"/>
  </si>
  <si>
    <t>国道１号　道路改良工事</t>
    <rPh sb="0" eb="2">
      <t>コクドウ</t>
    </rPh>
    <rPh sb="3" eb="4">
      <t>ゴウ</t>
    </rPh>
    <rPh sb="5" eb="7">
      <t>ドウロ</t>
    </rPh>
    <rPh sb="7" eb="9">
      <t>カイリョウ</t>
    </rPh>
    <rPh sb="9" eb="11">
      <t>コウジ</t>
    </rPh>
    <phoneticPr fontId="3"/>
  </si>
  <si>
    <t>鎌倉水道営業所</t>
    <rPh sb="0" eb="2">
      <t>カマクラ</t>
    </rPh>
    <rPh sb="2" eb="4">
      <t>スイドウ</t>
    </rPh>
    <rPh sb="4" eb="6">
      <t>エイギョウ</t>
    </rPh>
    <rPh sb="6" eb="7">
      <t>ショ</t>
    </rPh>
    <phoneticPr fontId="2"/>
  </si>
  <si>
    <t>有限会社　五葉工業</t>
    <rPh sb="0" eb="2">
      <t>ユウゲン</t>
    </rPh>
    <rPh sb="2" eb="4">
      <t>カイシャ</t>
    </rPh>
    <phoneticPr fontId="2"/>
  </si>
  <si>
    <t>鎌倉市腰越５丁目地内配水管改良工事</t>
    <rPh sb="0" eb="3">
      <t>カマクラシ</t>
    </rPh>
    <rPh sb="3" eb="5">
      <t>コシゴエ</t>
    </rPh>
    <rPh sb="6" eb="8">
      <t>チョウメ</t>
    </rPh>
    <rPh sb="8" eb="9">
      <t>チ</t>
    </rPh>
    <rPh sb="9" eb="10">
      <t>ナイ</t>
    </rPh>
    <rPh sb="10" eb="13">
      <t>ハイスイカン</t>
    </rPh>
    <rPh sb="13" eb="15">
      <t>カイリョウ</t>
    </rPh>
    <rPh sb="15" eb="17">
      <t>コウジ</t>
    </rPh>
    <phoneticPr fontId="4"/>
  </si>
  <si>
    <t>株式会社　クドー工業</t>
    <rPh sb="0" eb="2">
      <t>カブシキ</t>
    </rPh>
    <rPh sb="2" eb="4">
      <t>カイシャ</t>
    </rPh>
    <phoneticPr fontId="2"/>
  </si>
  <si>
    <t>平塚市須賀地内配水管切回工事</t>
    <rPh sb="0" eb="3">
      <t>ヒラツカシ</t>
    </rPh>
    <rPh sb="3" eb="5">
      <t>スガ</t>
    </rPh>
    <rPh sb="5" eb="6">
      <t>チ</t>
    </rPh>
    <rPh sb="6" eb="7">
      <t>ナイ</t>
    </rPh>
    <rPh sb="7" eb="9">
      <t>ハイスイ</t>
    </rPh>
    <rPh sb="9" eb="10">
      <t>カン</t>
    </rPh>
    <rPh sb="10" eb="12">
      <t>キリマワ</t>
    </rPh>
    <rPh sb="12" eb="14">
      <t>コウジ</t>
    </rPh>
    <phoneticPr fontId="4"/>
  </si>
  <si>
    <t>海老名水道営業所</t>
    <rPh sb="0" eb="3">
      <t>エビナ</t>
    </rPh>
    <rPh sb="3" eb="5">
      <t>スイドウ</t>
    </rPh>
    <rPh sb="5" eb="7">
      <t>エイギョウ</t>
    </rPh>
    <rPh sb="7" eb="8">
      <t>ショ</t>
    </rPh>
    <phoneticPr fontId="1"/>
  </si>
  <si>
    <t>有限会社　三高商会</t>
    <rPh sb="0" eb="2">
      <t>ユウゲン</t>
    </rPh>
    <rPh sb="2" eb="4">
      <t>カイシャ</t>
    </rPh>
    <phoneticPr fontId="2"/>
  </si>
  <si>
    <t>海老名水道営業所管内鉛管取替工事Ｇ地区</t>
    <rPh sb="0" eb="3">
      <t>エビナ</t>
    </rPh>
    <rPh sb="3" eb="5">
      <t>スイドウ</t>
    </rPh>
    <rPh sb="5" eb="8">
      <t>エイギョウショ</t>
    </rPh>
    <rPh sb="8" eb="10">
      <t>カンナイ</t>
    </rPh>
    <rPh sb="10" eb="12">
      <t>エンカン</t>
    </rPh>
    <rPh sb="12" eb="14">
      <t>トリカエ</t>
    </rPh>
    <rPh sb="14" eb="16">
      <t>コウジ</t>
    </rPh>
    <rPh sb="17" eb="19">
      <t>チク</t>
    </rPh>
    <phoneticPr fontId="4"/>
  </si>
  <si>
    <t>厚木水道営業所</t>
    <rPh sb="0" eb="2">
      <t>アツギ</t>
    </rPh>
    <rPh sb="2" eb="4">
      <t>スイドウ</t>
    </rPh>
    <rPh sb="4" eb="6">
      <t>エイギョウ</t>
    </rPh>
    <rPh sb="6" eb="7">
      <t>ショ</t>
    </rPh>
    <phoneticPr fontId="1"/>
  </si>
  <si>
    <t>株式会社　渡辺組工業</t>
    <rPh sb="0" eb="2">
      <t>カブシキ</t>
    </rPh>
    <rPh sb="2" eb="4">
      <t>カイシャ</t>
    </rPh>
    <phoneticPr fontId="2"/>
  </si>
  <si>
    <t>厚木市松枝１丁目地内配水管改良工事</t>
    <rPh sb="0" eb="3">
      <t>アツギシ</t>
    </rPh>
    <rPh sb="3" eb="5">
      <t>マツエ</t>
    </rPh>
    <rPh sb="6" eb="8">
      <t>チョウメ</t>
    </rPh>
    <rPh sb="8" eb="9">
      <t>チ</t>
    </rPh>
    <rPh sb="9" eb="10">
      <t>ナイ</t>
    </rPh>
    <rPh sb="10" eb="13">
      <t>ハイスイカン</t>
    </rPh>
    <rPh sb="13" eb="15">
      <t>カイリョウ</t>
    </rPh>
    <rPh sb="15" eb="17">
      <t>コウジ</t>
    </rPh>
    <phoneticPr fontId="4"/>
  </si>
  <si>
    <t>相模原南水道営業所</t>
    <rPh sb="0" eb="3">
      <t>サガミハラ</t>
    </rPh>
    <rPh sb="3" eb="4">
      <t>ミナミ</t>
    </rPh>
    <rPh sb="4" eb="6">
      <t>スイドウ</t>
    </rPh>
    <rPh sb="6" eb="8">
      <t>エイギョウ</t>
    </rPh>
    <rPh sb="8" eb="9">
      <t>ショ</t>
    </rPh>
    <phoneticPr fontId="1"/>
  </si>
  <si>
    <t>株式会社　和孝</t>
    <rPh sb="0" eb="2">
      <t>カブシキ</t>
    </rPh>
    <rPh sb="2" eb="4">
      <t>カイシャ</t>
    </rPh>
    <phoneticPr fontId="2"/>
  </si>
  <si>
    <t>相模原市南区御園３丁目地内配水管改良工事</t>
    <rPh sb="0" eb="4">
      <t>サガミハラシ</t>
    </rPh>
    <rPh sb="4" eb="6">
      <t>ミナミク</t>
    </rPh>
    <rPh sb="6" eb="8">
      <t>ミソノ</t>
    </rPh>
    <rPh sb="9" eb="11">
      <t>チョウメ</t>
    </rPh>
    <rPh sb="11" eb="12">
      <t>チ</t>
    </rPh>
    <rPh sb="12" eb="13">
      <t>ナイ</t>
    </rPh>
    <rPh sb="13" eb="15">
      <t>ハイスイ</t>
    </rPh>
    <rPh sb="15" eb="16">
      <t>カン</t>
    </rPh>
    <rPh sb="16" eb="18">
      <t>カイリョウ</t>
    </rPh>
    <rPh sb="18" eb="20">
      <t>コウジ</t>
    </rPh>
    <phoneticPr fontId="4"/>
  </si>
  <si>
    <t>厚木商業高校体育館改修及び耐震補強工事</t>
    <rPh sb="0" eb="2">
      <t>アツギ</t>
    </rPh>
    <rPh sb="2" eb="4">
      <t>ショウギョウ</t>
    </rPh>
    <rPh sb="4" eb="6">
      <t>コウコウ</t>
    </rPh>
    <rPh sb="6" eb="9">
      <t>タイイクカン</t>
    </rPh>
    <rPh sb="9" eb="11">
      <t>カイシュウ</t>
    </rPh>
    <rPh sb="11" eb="12">
      <t>オヨ</t>
    </rPh>
    <rPh sb="13" eb="15">
      <t>タイシン</t>
    </rPh>
    <rPh sb="15" eb="17">
      <t>ホキョウ</t>
    </rPh>
    <rPh sb="17" eb="19">
      <t>コウジ</t>
    </rPh>
    <phoneticPr fontId="1"/>
  </si>
  <si>
    <t>北相送水管愛川支管改良工事</t>
    <rPh sb="0" eb="1">
      <t>ホク</t>
    </rPh>
    <rPh sb="1" eb="2">
      <t>ソウ</t>
    </rPh>
    <rPh sb="2" eb="5">
      <t>ソウスイカン</t>
    </rPh>
    <rPh sb="5" eb="7">
      <t>アイカワ</t>
    </rPh>
    <rPh sb="7" eb="8">
      <t>シ</t>
    </rPh>
    <rPh sb="8" eb="9">
      <t>カン</t>
    </rPh>
    <rPh sb="9" eb="11">
      <t>カイリョウ</t>
    </rPh>
    <rPh sb="11" eb="13">
      <t>コウジ</t>
    </rPh>
    <phoneticPr fontId="4"/>
  </si>
  <si>
    <t>有限会社　協栄産業</t>
    <rPh sb="0" eb="2">
      <t>ユウゲン</t>
    </rPh>
    <rPh sb="2" eb="4">
      <t>カイシャ</t>
    </rPh>
    <phoneticPr fontId="2"/>
  </si>
  <si>
    <t>茅ヶ崎市浜之郷地内配水管改良工事</t>
    <rPh sb="0" eb="4">
      <t>チガサキシ</t>
    </rPh>
    <rPh sb="4" eb="7">
      <t>ハマノゴウ</t>
    </rPh>
    <rPh sb="7" eb="8">
      <t>チ</t>
    </rPh>
    <rPh sb="8" eb="9">
      <t>ナイ</t>
    </rPh>
    <rPh sb="9" eb="11">
      <t>ハイスイ</t>
    </rPh>
    <rPh sb="11" eb="12">
      <t>カン</t>
    </rPh>
    <rPh sb="12" eb="14">
      <t>カイリョウ</t>
    </rPh>
    <rPh sb="14" eb="16">
      <t>コウジ</t>
    </rPh>
    <phoneticPr fontId="4"/>
  </si>
  <si>
    <t>表彰年度</t>
    <rPh sb="0" eb="2">
      <t>ヒョウショウ</t>
    </rPh>
    <rPh sb="2" eb="4">
      <t>ネンド</t>
    </rPh>
    <phoneticPr fontId="2"/>
  </si>
  <si>
    <t>受賞　工事名</t>
    <rPh sb="0" eb="2">
      <t>ジュショウ</t>
    </rPh>
    <rPh sb="3" eb="5">
      <t>コウジ</t>
    </rPh>
    <rPh sb="5" eb="6">
      <t>メイ</t>
    </rPh>
    <phoneticPr fontId="2"/>
  </si>
  <si>
    <t>受賞　法人名・商号</t>
    <rPh sb="0" eb="2">
      <t>ジュショウ</t>
    </rPh>
    <phoneticPr fontId="2"/>
  </si>
  <si>
    <t>表彰名</t>
    <rPh sb="0" eb="2">
      <t>ヒョウショウ</t>
    </rPh>
    <rPh sb="2" eb="3">
      <t>メイ</t>
    </rPh>
    <phoneticPr fontId="2"/>
  </si>
  <si>
    <t>備考</t>
    <rPh sb="0" eb="2">
      <t>ビコウ</t>
    </rPh>
    <phoneticPr fontId="2"/>
  </si>
  <si>
    <t>ムサシ建設工業 株式会社　横浜営業所</t>
    <rPh sb="3" eb="5">
      <t>ケンセツ</t>
    </rPh>
    <rPh sb="5" eb="7">
      <t>コウギョウ</t>
    </rPh>
    <rPh sb="8" eb="10">
      <t>カブシキ</t>
    </rPh>
    <rPh sb="10" eb="12">
      <t>カイシャ</t>
    </rPh>
    <rPh sb="13" eb="15">
      <t>ヨコハマ</t>
    </rPh>
    <rPh sb="15" eb="17">
      <t>エイギョウ</t>
    </rPh>
    <rPh sb="17" eb="18">
      <t>ショ</t>
    </rPh>
    <phoneticPr fontId="3"/>
  </si>
  <si>
    <t>妙本寺・衣張山　歴史的風土特別保存地区古都及び緑地保全工事　</t>
    <rPh sb="0" eb="1">
      <t>ミョウ</t>
    </rPh>
    <rPh sb="1" eb="2">
      <t>ハジメ</t>
    </rPh>
    <rPh sb="2" eb="3">
      <t>テラ</t>
    </rPh>
    <rPh sb="4" eb="5">
      <t>コロモ</t>
    </rPh>
    <rPh sb="5" eb="7">
      <t>ハリヤマ</t>
    </rPh>
    <rPh sb="8" eb="11">
      <t>レキシテキ</t>
    </rPh>
    <rPh sb="11" eb="13">
      <t>フウド</t>
    </rPh>
    <rPh sb="13" eb="15">
      <t>トクベツ</t>
    </rPh>
    <rPh sb="15" eb="17">
      <t>ホゾン</t>
    </rPh>
    <rPh sb="17" eb="19">
      <t>チク</t>
    </rPh>
    <rPh sb="19" eb="21">
      <t>コト</t>
    </rPh>
    <rPh sb="21" eb="22">
      <t>オヨ</t>
    </rPh>
    <rPh sb="23" eb="25">
      <t>リョクチ</t>
    </rPh>
    <rPh sb="25" eb="27">
      <t>ホゼン</t>
    </rPh>
    <rPh sb="27" eb="29">
      <t>コウジ</t>
    </rPh>
    <phoneticPr fontId="2"/>
  </si>
  <si>
    <t>都市計画道路　湯河原箱根仙石原線街路整備工事</t>
    <rPh sb="0" eb="2">
      <t>トシ</t>
    </rPh>
    <rPh sb="2" eb="4">
      <t>ケイカク</t>
    </rPh>
    <rPh sb="4" eb="6">
      <t>ドウロ</t>
    </rPh>
    <rPh sb="7" eb="10">
      <t>ユガワラ</t>
    </rPh>
    <rPh sb="10" eb="12">
      <t>ハコネ</t>
    </rPh>
    <rPh sb="12" eb="14">
      <t>センゴク</t>
    </rPh>
    <rPh sb="14" eb="15">
      <t>ハラ</t>
    </rPh>
    <rPh sb="15" eb="16">
      <t>セン</t>
    </rPh>
    <rPh sb="16" eb="18">
      <t>ガイロ</t>
    </rPh>
    <rPh sb="18" eb="20">
      <t>セイビ</t>
    </rPh>
    <rPh sb="20" eb="22">
      <t>コウジ</t>
    </rPh>
    <phoneticPr fontId="3"/>
  </si>
  <si>
    <t>有限会社　アイコーポレーション</t>
    <rPh sb="0" eb="2">
      <t>ユウゲン</t>
    </rPh>
    <rPh sb="2" eb="4">
      <t>カイシャ</t>
    </rPh>
    <phoneticPr fontId="2"/>
  </si>
  <si>
    <t>三和建設　株式会社</t>
    <rPh sb="0" eb="2">
      <t>サンワ</t>
    </rPh>
    <rPh sb="2" eb="4">
      <t>ケンセツ</t>
    </rPh>
    <rPh sb="5" eb="9">
      <t>カブシキガイシャ</t>
    </rPh>
    <phoneticPr fontId="0"/>
  </si>
  <si>
    <t xml:space="preserve">小雀建設　株式会社 </t>
    <rPh sb="0" eb="2">
      <t>コスズメ</t>
    </rPh>
    <rPh sb="2" eb="4">
      <t>ケンセツ</t>
    </rPh>
    <phoneticPr fontId="12"/>
  </si>
  <si>
    <t>宇内建設　株式会社</t>
    <rPh sb="0" eb="1">
      <t>ウ</t>
    </rPh>
    <rPh sb="1" eb="2">
      <t>ナイ</t>
    </rPh>
    <rPh sb="2" eb="4">
      <t>ケンセツ</t>
    </rPh>
    <phoneticPr fontId="3"/>
  </si>
  <si>
    <t>株式会社　勝俣組</t>
    <rPh sb="5" eb="6">
      <t>カツ</t>
    </rPh>
    <rPh sb="6" eb="7">
      <t>マタ</t>
    </rPh>
    <rPh sb="7" eb="8">
      <t>グミ</t>
    </rPh>
    <phoneticPr fontId="3"/>
  </si>
  <si>
    <t>今泉建設　株式会社</t>
    <rPh sb="0" eb="2">
      <t>イマイズミ</t>
    </rPh>
    <rPh sb="2" eb="4">
      <t>ケンセツ</t>
    </rPh>
    <phoneticPr fontId="3"/>
  </si>
  <si>
    <t>有限会社　アゼハラ設備</t>
    <rPh sb="9" eb="11">
      <t>セツビ</t>
    </rPh>
    <phoneticPr fontId="3"/>
  </si>
  <si>
    <t>株式会社　明電舎　横浜支店　</t>
    <rPh sb="0" eb="2">
      <t>カブシキ</t>
    </rPh>
    <rPh sb="2" eb="4">
      <t>カイシャ</t>
    </rPh>
    <rPh sb="5" eb="8">
      <t>メイデンシャ</t>
    </rPh>
    <rPh sb="9" eb="11">
      <t>ヨコハマ</t>
    </rPh>
    <rPh sb="11" eb="13">
      <t>シテン</t>
    </rPh>
    <phoneticPr fontId="21"/>
  </si>
  <si>
    <t>相模川流域下水道　左岸処理場　第２電気室電気設備改築工事　</t>
    <rPh sb="0" eb="2">
      <t>サガミ</t>
    </rPh>
    <rPh sb="2" eb="3">
      <t>ガワ</t>
    </rPh>
    <rPh sb="3" eb="5">
      <t>リュウイキ</t>
    </rPh>
    <rPh sb="5" eb="7">
      <t>ゲスイ</t>
    </rPh>
    <rPh sb="7" eb="8">
      <t>ドウ</t>
    </rPh>
    <rPh sb="9" eb="11">
      <t>サガン</t>
    </rPh>
    <rPh sb="11" eb="14">
      <t>ショリジョウ</t>
    </rPh>
    <rPh sb="15" eb="16">
      <t>ダイ</t>
    </rPh>
    <rPh sb="17" eb="19">
      <t>デンキ</t>
    </rPh>
    <rPh sb="19" eb="20">
      <t>シツ</t>
    </rPh>
    <rPh sb="20" eb="22">
      <t>デンキ</t>
    </rPh>
    <rPh sb="22" eb="24">
      <t>セツビ</t>
    </rPh>
    <rPh sb="24" eb="26">
      <t>カイチク</t>
    </rPh>
    <rPh sb="26" eb="28">
      <t>コウジ</t>
    </rPh>
    <phoneticPr fontId="21"/>
  </si>
  <si>
    <t>県道45号丸子中山茅ヶ崎大曲橋取付け道路整備工事</t>
    <rPh sb="0" eb="2">
      <t>ケンドウ</t>
    </rPh>
    <rPh sb="4" eb="5">
      <t>ゴウ</t>
    </rPh>
    <rPh sb="5" eb="7">
      <t>マルコ</t>
    </rPh>
    <rPh sb="7" eb="9">
      <t>ナカヤマ</t>
    </rPh>
    <rPh sb="9" eb="12">
      <t>チガサキ</t>
    </rPh>
    <rPh sb="12" eb="14">
      <t>オオマガリ</t>
    </rPh>
    <rPh sb="14" eb="15">
      <t>バシ</t>
    </rPh>
    <rPh sb="15" eb="16">
      <t>ト</t>
    </rPh>
    <rPh sb="16" eb="17">
      <t>ツ</t>
    </rPh>
    <rPh sb="18" eb="20">
      <t>ドウロ</t>
    </rPh>
    <rPh sb="20" eb="22">
      <t>セイビ</t>
    </rPh>
    <rPh sb="22" eb="24">
      <t>コウジ</t>
    </rPh>
    <phoneticPr fontId="2"/>
  </si>
  <si>
    <t>藤沢土木事務所</t>
    <rPh sb="0" eb="2">
      <t>フジサワ</t>
    </rPh>
    <rPh sb="2" eb="4">
      <t>ドボク</t>
    </rPh>
    <rPh sb="4" eb="6">
      <t>ジム</t>
    </rPh>
    <rPh sb="6" eb="7">
      <t>ショ</t>
    </rPh>
    <phoneticPr fontId="7"/>
  </si>
  <si>
    <t>千代田建設　株式会社</t>
    <rPh sb="0" eb="3">
      <t>チヨダ</t>
    </rPh>
    <rPh sb="3" eb="4">
      <t>ケン</t>
    </rPh>
    <rPh sb="4" eb="5">
      <t>セツ</t>
    </rPh>
    <rPh sb="6" eb="10">
      <t>カブシキガイシャ</t>
    </rPh>
    <phoneticPr fontId="3"/>
  </si>
  <si>
    <t>恩田川河川改修工事</t>
  </si>
  <si>
    <t>横浜川崎治水事務所</t>
    <rPh sb="0" eb="2">
      <t>ヨコハマ</t>
    </rPh>
    <rPh sb="2" eb="4">
      <t>カワサキ</t>
    </rPh>
    <rPh sb="4" eb="6">
      <t>チスイ</t>
    </rPh>
    <rPh sb="6" eb="8">
      <t>ジム</t>
    </rPh>
    <rPh sb="8" eb="9">
      <t>ショ</t>
    </rPh>
    <phoneticPr fontId="7"/>
  </si>
  <si>
    <t>酒匂川流域下水道　箱根小田原幹線　管渠築造工事</t>
  </si>
  <si>
    <t>流域下水道整備事務所</t>
    <rPh sb="0" eb="2">
      <t>リュウイキ</t>
    </rPh>
    <rPh sb="2" eb="5">
      <t>ゲスイドウ</t>
    </rPh>
    <rPh sb="5" eb="7">
      <t>セイビ</t>
    </rPh>
    <rPh sb="7" eb="9">
      <t>ジム</t>
    </rPh>
    <rPh sb="9" eb="10">
      <t>ショ</t>
    </rPh>
    <phoneticPr fontId="24"/>
  </si>
  <si>
    <t>田野井造園　株式会社</t>
    <rPh sb="0" eb="1">
      <t>タ</t>
    </rPh>
    <rPh sb="1" eb="2">
      <t>ノ</t>
    </rPh>
    <rPh sb="2" eb="3">
      <t>イ</t>
    </rPh>
    <rPh sb="3" eb="5">
      <t>ゾウエン</t>
    </rPh>
    <rPh sb="6" eb="10">
      <t>カブシキガイシャ</t>
    </rPh>
    <phoneticPr fontId="7"/>
  </si>
  <si>
    <t>県立保土ヶ谷公園 都市公園整備工事</t>
  </si>
  <si>
    <t>県道63号　八ツ橋架替工事</t>
    <rPh sb="0" eb="2">
      <t>ケンドウ</t>
    </rPh>
    <rPh sb="4" eb="5">
      <t>ゴウ</t>
    </rPh>
    <rPh sb="6" eb="7">
      <t>ヤ</t>
    </rPh>
    <rPh sb="8" eb="9">
      <t>ハシ</t>
    </rPh>
    <rPh sb="9" eb="10">
      <t>カ</t>
    </rPh>
    <rPh sb="10" eb="11">
      <t>カ</t>
    </rPh>
    <rPh sb="11" eb="13">
      <t>コウジ</t>
    </rPh>
    <phoneticPr fontId="2"/>
  </si>
  <si>
    <t>株式会社　神成工業　</t>
    <rPh sb="0" eb="2">
      <t>カブシキ</t>
    </rPh>
    <rPh sb="2" eb="4">
      <t>カイシャ</t>
    </rPh>
    <rPh sb="5" eb="7">
      <t>シンセイ</t>
    </rPh>
    <rPh sb="7" eb="9">
      <t>コウギョウ</t>
    </rPh>
    <phoneticPr fontId="7"/>
  </si>
  <si>
    <t>上溝高校本館他新築工事（空調）</t>
    <rPh sb="0" eb="2">
      <t>カミミゾ</t>
    </rPh>
    <rPh sb="2" eb="4">
      <t>コウコウ</t>
    </rPh>
    <rPh sb="4" eb="6">
      <t>ホンカン</t>
    </rPh>
    <rPh sb="6" eb="7">
      <t>ホカ</t>
    </rPh>
    <rPh sb="7" eb="9">
      <t>シンチク</t>
    </rPh>
    <rPh sb="9" eb="11">
      <t>コウジ</t>
    </rPh>
    <rPh sb="12" eb="14">
      <t>クウチョウ</t>
    </rPh>
    <phoneticPr fontId="7"/>
  </si>
  <si>
    <t>二級河川引地川　福田８号橋架替（上部工）工事</t>
    <rPh sb="0" eb="2">
      <t>ニキュウ</t>
    </rPh>
    <rPh sb="2" eb="4">
      <t>カセン</t>
    </rPh>
    <rPh sb="4" eb="6">
      <t>ヒキチ</t>
    </rPh>
    <rPh sb="6" eb="7">
      <t>ガワ</t>
    </rPh>
    <rPh sb="8" eb="10">
      <t>フクダ</t>
    </rPh>
    <rPh sb="11" eb="13">
      <t>ゴウバシ</t>
    </rPh>
    <rPh sb="13" eb="14">
      <t>カ</t>
    </rPh>
    <rPh sb="14" eb="15">
      <t>カ</t>
    </rPh>
    <rPh sb="16" eb="19">
      <t>ジョウブコウ</t>
    </rPh>
    <rPh sb="20" eb="22">
      <t>コウジ</t>
    </rPh>
    <phoneticPr fontId="2"/>
  </si>
  <si>
    <t>ユタカ建設　株式会社　</t>
    <rPh sb="3" eb="5">
      <t>ケンセツ</t>
    </rPh>
    <rPh sb="6" eb="8">
      <t>カブシキ</t>
    </rPh>
    <rPh sb="8" eb="10">
      <t>カイシャ</t>
    </rPh>
    <phoneticPr fontId="20"/>
  </si>
  <si>
    <t>長浦町Ｅ地区　急傾斜地崩壊対策工事</t>
    <rPh sb="0" eb="2">
      <t>ナガウラ</t>
    </rPh>
    <rPh sb="2" eb="3">
      <t>チョウ</t>
    </rPh>
    <rPh sb="4" eb="6">
      <t>チク</t>
    </rPh>
    <rPh sb="7" eb="8">
      <t>キュウ</t>
    </rPh>
    <rPh sb="8" eb="11">
      <t>ケイシャチ</t>
    </rPh>
    <rPh sb="11" eb="13">
      <t>ホウカイ</t>
    </rPh>
    <rPh sb="13" eb="15">
      <t>タイサク</t>
    </rPh>
    <rPh sb="15" eb="17">
      <t>コウジ</t>
    </rPh>
    <phoneticPr fontId="2"/>
  </si>
  <si>
    <t>横須賀土木事務所</t>
    <rPh sb="0" eb="3">
      <t>ヨコスカ</t>
    </rPh>
    <rPh sb="3" eb="5">
      <t>ドボク</t>
    </rPh>
    <rPh sb="5" eb="7">
      <t>ジム</t>
    </rPh>
    <rPh sb="7" eb="8">
      <t>ショ</t>
    </rPh>
    <phoneticPr fontId="7"/>
  </si>
  <si>
    <t>地方港湾真鶴港沖防波堤整備(NO.7ｹｰｿﾝ製作・据付)工事</t>
  </si>
  <si>
    <t>株式会社　清川建設　</t>
    <rPh sb="0" eb="2">
      <t>カブシキ</t>
    </rPh>
    <rPh sb="2" eb="4">
      <t>カイシャ</t>
    </rPh>
    <phoneticPr fontId="7"/>
  </si>
  <si>
    <t>古在家バイパス　辺室沢橋　橋台躯体工事</t>
    <rPh sb="0" eb="1">
      <t>コ</t>
    </rPh>
    <rPh sb="1" eb="3">
      <t>ザイケ</t>
    </rPh>
    <rPh sb="8" eb="9">
      <t>ヘン</t>
    </rPh>
    <rPh sb="9" eb="10">
      <t>ムロ</t>
    </rPh>
    <rPh sb="10" eb="11">
      <t>サワ</t>
    </rPh>
    <rPh sb="11" eb="12">
      <t>ハシ</t>
    </rPh>
    <rPh sb="13" eb="14">
      <t>キョウ</t>
    </rPh>
    <rPh sb="14" eb="15">
      <t>ダイ</t>
    </rPh>
    <rPh sb="15" eb="17">
      <t>クタイ</t>
    </rPh>
    <rPh sb="17" eb="19">
      <t>コウジ</t>
    </rPh>
    <phoneticPr fontId="2"/>
  </si>
  <si>
    <t>県道７８号　足柄大橋　橋りょう耐震補強工事　</t>
    <rPh sb="0" eb="2">
      <t>ケンドウ</t>
    </rPh>
    <rPh sb="4" eb="5">
      <t>ゴウ</t>
    </rPh>
    <rPh sb="6" eb="8">
      <t>アシガラ</t>
    </rPh>
    <rPh sb="8" eb="10">
      <t>オオハシ</t>
    </rPh>
    <rPh sb="15" eb="17">
      <t>タイシン</t>
    </rPh>
    <rPh sb="17" eb="19">
      <t>ホキョウ</t>
    </rPh>
    <phoneticPr fontId="2"/>
  </si>
  <si>
    <t>県西土木事務所</t>
    <rPh sb="0" eb="2">
      <t>ケンセイ</t>
    </rPh>
    <rPh sb="2" eb="4">
      <t>ドボク</t>
    </rPh>
    <rPh sb="4" eb="6">
      <t>ジム</t>
    </rPh>
    <rPh sb="6" eb="7">
      <t>ショ</t>
    </rPh>
    <phoneticPr fontId="7"/>
  </si>
  <si>
    <t>株式会社　大塚工電社　</t>
    <rPh sb="0" eb="2">
      <t>カブシキ</t>
    </rPh>
    <rPh sb="2" eb="4">
      <t>カイシャ</t>
    </rPh>
    <rPh sb="5" eb="7">
      <t>オオツカ</t>
    </rPh>
    <rPh sb="7" eb="8">
      <t>コウ</t>
    </rPh>
    <rPh sb="8" eb="9">
      <t>デン</t>
    </rPh>
    <rPh sb="9" eb="10">
      <t>シャ</t>
    </rPh>
    <phoneticPr fontId="3"/>
  </si>
  <si>
    <t>県営緑ヶ丘団地公営住宅電気設備工事</t>
    <rPh sb="0" eb="2">
      <t>ケンエイ</t>
    </rPh>
    <rPh sb="2" eb="5">
      <t>ミドリガオカ</t>
    </rPh>
    <rPh sb="5" eb="7">
      <t>ダンチ</t>
    </rPh>
    <rPh sb="7" eb="9">
      <t>コウエイ</t>
    </rPh>
    <rPh sb="9" eb="11">
      <t>ジュウタク</t>
    </rPh>
    <rPh sb="11" eb="13">
      <t>デンキ</t>
    </rPh>
    <rPh sb="13" eb="15">
      <t>セツビ</t>
    </rPh>
    <rPh sb="15" eb="17">
      <t>コウジ</t>
    </rPh>
    <phoneticPr fontId="3"/>
  </si>
  <si>
    <t>県道64号　舗装補修工事</t>
    <rPh sb="0" eb="2">
      <t>ケンドウ</t>
    </rPh>
    <rPh sb="4" eb="5">
      <t>ゴウ</t>
    </rPh>
    <rPh sb="6" eb="7">
      <t>ホ</t>
    </rPh>
    <rPh sb="7" eb="8">
      <t>ソウ</t>
    </rPh>
    <rPh sb="8" eb="10">
      <t>ホシュウ</t>
    </rPh>
    <rPh sb="10" eb="12">
      <t>コウジ</t>
    </rPh>
    <phoneticPr fontId="2"/>
  </si>
  <si>
    <t>厚木土木事務所</t>
    <rPh sb="0" eb="2">
      <t>アツギ</t>
    </rPh>
    <rPh sb="2" eb="4">
      <t>ドボク</t>
    </rPh>
    <rPh sb="4" eb="6">
      <t>ジム</t>
    </rPh>
    <rPh sb="6" eb="7">
      <t>ショ</t>
    </rPh>
    <phoneticPr fontId="7"/>
  </si>
  <si>
    <t>株式会社　寺田土木　</t>
    <rPh sb="0" eb="2">
      <t>カブシキ</t>
    </rPh>
    <rPh sb="2" eb="4">
      <t>カイシャ</t>
    </rPh>
    <phoneticPr fontId="7"/>
  </si>
  <si>
    <t>県道46号　舗装補修工事</t>
    <rPh sb="0" eb="2">
      <t>ケンドウ</t>
    </rPh>
    <rPh sb="4" eb="5">
      <t>ゴウ</t>
    </rPh>
    <rPh sb="6" eb="8">
      <t>ホソウ</t>
    </rPh>
    <rPh sb="8" eb="10">
      <t>ホシュウ</t>
    </rPh>
    <rPh sb="10" eb="12">
      <t>コウジ</t>
    </rPh>
    <phoneticPr fontId="2"/>
  </si>
  <si>
    <t>県道740号　舗装補修工事　</t>
    <rPh sb="0" eb="2">
      <t>ケンドウ</t>
    </rPh>
    <rPh sb="5" eb="6">
      <t>ゴウ</t>
    </rPh>
    <rPh sb="7" eb="9">
      <t>ホソウ</t>
    </rPh>
    <rPh sb="9" eb="11">
      <t>ホシュウ</t>
    </rPh>
    <rPh sb="11" eb="13">
      <t>コウジ</t>
    </rPh>
    <phoneticPr fontId="7"/>
  </si>
  <si>
    <t>鳶の子沢　砂防堰堤工事</t>
    <rPh sb="0" eb="1">
      <t>トビ</t>
    </rPh>
    <rPh sb="2" eb="3">
      <t>コ</t>
    </rPh>
    <rPh sb="3" eb="4">
      <t>サワ</t>
    </rPh>
    <rPh sb="5" eb="7">
      <t>サボウ</t>
    </rPh>
    <rPh sb="7" eb="9">
      <t>エンテイ</t>
    </rPh>
    <rPh sb="9" eb="10">
      <t>コウ</t>
    </rPh>
    <rPh sb="10" eb="11">
      <t>ジ</t>
    </rPh>
    <phoneticPr fontId="2"/>
  </si>
  <si>
    <t>三和建設　株式会社</t>
    <rPh sb="5" eb="7">
      <t>カブシキ</t>
    </rPh>
    <rPh sb="7" eb="9">
      <t>カイシャ</t>
    </rPh>
    <phoneticPr fontId="7"/>
  </si>
  <si>
    <t>国道１号　舗装補修工事</t>
    <rPh sb="0" eb="2">
      <t>コクドウ</t>
    </rPh>
    <rPh sb="3" eb="4">
      <t>ゴウ</t>
    </rPh>
    <rPh sb="5" eb="7">
      <t>ホソウ</t>
    </rPh>
    <rPh sb="7" eb="9">
      <t>ホシュウ</t>
    </rPh>
    <rPh sb="9" eb="11">
      <t>コウジ</t>
    </rPh>
    <phoneticPr fontId="2"/>
  </si>
  <si>
    <t>株式会社　日東建設</t>
    <rPh sb="0" eb="2">
      <t>カブシキ</t>
    </rPh>
    <rPh sb="2" eb="4">
      <t>カイシャ</t>
    </rPh>
    <rPh sb="5" eb="7">
      <t>ニットウ</t>
    </rPh>
    <rPh sb="7" eb="9">
      <t>ケンセツ</t>
    </rPh>
    <phoneticPr fontId="25"/>
  </si>
  <si>
    <t>県道44号他　舗装補修工事</t>
    <rPh sb="0" eb="2">
      <t>ケンドウ</t>
    </rPh>
    <rPh sb="4" eb="5">
      <t>ゴウ</t>
    </rPh>
    <rPh sb="5" eb="6">
      <t>ホカ</t>
    </rPh>
    <rPh sb="7" eb="9">
      <t>ホソウ</t>
    </rPh>
    <rPh sb="9" eb="11">
      <t>ホシュウ</t>
    </rPh>
    <rPh sb="11" eb="13">
      <t>コウジ</t>
    </rPh>
    <phoneticPr fontId="2"/>
  </si>
  <si>
    <t>株式会社　丸孝産業　</t>
    <rPh sb="0" eb="2">
      <t>カブシキ</t>
    </rPh>
    <rPh sb="2" eb="4">
      <t>カイシャ</t>
    </rPh>
    <rPh sb="5" eb="7">
      <t>マルタカ</t>
    </rPh>
    <rPh sb="7" eb="9">
      <t>サンギョウ</t>
    </rPh>
    <phoneticPr fontId="21"/>
  </si>
  <si>
    <t>県立はやま三ヶ岡山緑地　公園工事</t>
    <rPh sb="12" eb="14">
      <t>コウエン</t>
    </rPh>
    <rPh sb="14" eb="16">
      <t>コウジ</t>
    </rPh>
    <phoneticPr fontId="2"/>
  </si>
  <si>
    <t>湘南テクノ　株式会社</t>
    <rPh sb="0" eb="2">
      <t>ショウナン</t>
    </rPh>
    <rPh sb="6" eb="8">
      <t>カブシキ</t>
    </rPh>
    <rPh sb="8" eb="10">
      <t>カイシャ</t>
    </rPh>
    <phoneticPr fontId="7"/>
  </si>
  <si>
    <t xml:space="preserve">山崎跨線橋部材取替工事
</t>
    <rPh sb="0" eb="2">
      <t>ヤマザキ</t>
    </rPh>
    <rPh sb="2" eb="5">
      <t>コセン</t>
    </rPh>
    <rPh sb="5" eb="7">
      <t>ブザイ</t>
    </rPh>
    <rPh sb="7" eb="8">
      <t>ト</t>
    </rPh>
    <rPh sb="8" eb="9">
      <t>カ</t>
    </rPh>
    <rPh sb="9" eb="11">
      <t>コウジ</t>
    </rPh>
    <phoneticPr fontId="2"/>
  </si>
  <si>
    <t>川崎市中原区井田2丁目地区　急傾斜地崩壊対策工事</t>
    <rPh sb="11" eb="13">
      <t>チク</t>
    </rPh>
    <phoneticPr fontId="2"/>
  </si>
  <si>
    <t>株式会社　エスビィアイ</t>
    <rPh sb="0" eb="2">
      <t>カブシキ</t>
    </rPh>
    <rPh sb="2" eb="4">
      <t>カイシャ</t>
    </rPh>
    <phoneticPr fontId="23"/>
  </si>
  <si>
    <t>大岡川分水路 河川修繕工事</t>
  </si>
  <si>
    <t>有限会社　小林土建　</t>
    <rPh sb="0" eb="2">
      <t>ユウゲン</t>
    </rPh>
    <rPh sb="2" eb="4">
      <t>カイシャ</t>
    </rPh>
    <phoneticPr fontId="7"/>
  </si>
  <si>
    <t>馬渡橋　仮橋取付道路設置工事</t>
    <rPh sb="0" eb="2">
      <t>マワタリ</t>
    </rPh>
    <rPh sb="2" eb="3">
      <t>バシ</t>
    </rPh>
    <rPh sb="4" eb="5">
      <t>カリ</t>
    </rPh>
    <rPh sb="5" eb="6">
      <t>バシ</t>
    </rPh>
    <rPh sb="6" eb="8">
      <t>トリツケ</t>
    </rPh>
    <rPh sb="8" eb="10">
      <t>ドウロ</t>
    </rPh>
    <rPh sb="10" eb="12">
      <t>セッチ</t>
    </rPh>
    <rPh sb="12" eb="14">
      <t>コウジ</t>
    </rPh>
    <phoneticPr fontId="2"/>
  </si>
  <si>
    <t>株式会社　新幸建設　</t>
    <rPh sb="0" eb="2">
      <t>カブシキ</t>
    </rPh>
    <rPh sb="2" eb="4">
      <t>カイシャ</t>
    </rPh>
    <rPh sb="5" eb="6">
      <t>シン</t>
    </rPh>
    <rPh sb="6" eb="7">
      <t>サチ</t>
    </rPh>
    <rPh sb="7" eb="9">
      <t>ケンセツ</t>
    </rPh>
    <phoneticPr fontId="3"/>
  </si>
  <si>
    <t>県営浦賀かもめ団地店舗改修工事</t>
    <rPh sb="0" eb="2">
      <t>ケンエイ</t>
    </rPh>
    <rPh sb="2" eb="4">
      <t>ウラガ</t>
    </rPh>
    <rPh sb="7" eb="9">
      <t>ダンチ</t>
    </rPh>
    <rPh sb="9" eb="11">
      <t>テンポ</t>
    </rPh>
    <rPh sb="11" eb="13">
      <t>カイシュウ</t>
    </rPh>
    <rPh sb="13" eb="15">
      <t>コウジ</t>
    </rPh>
    <phoneticPr fontId="3"/>
  </si>
  <si>
    <t>秦野精華園体育館他外壁等改修工事</t>
    <rPh sb="0" eb="2">
      <t>ハダノ</t>
    </rPh>
    <rPh sb="2" eb="4">
      <t>セイカ</t>
    </rPh>
    <rPh sb="4" eb="5">
      <t>エン</t>
    </rPh>
    <rPh sb="5" eb="8">
      <t>タイイクカン</t>
    </rPh>
    <rPh sb="8" eb="9">
      <t>ホカ</t>
    </rPh>
    <rPh sb="9" eb="11">
      <t>ガイヘキ</t>
    </rPh>
    <rPh sb="11" eb="12">
      <t>トウ</t>
    </rPh>
    <rPh sb="12" eb="14">
      <t>カイシュウ</t>
    </rPh>
    <rPh sb="14" eb="16">
      <t>コウジ</t>
    </rPh>
    <phoneticPr fontId="3"/>
  </si>
  <si>
    <t>伊澤建設　株式会社</t>
    <rPh sb="0" eb="2">
      <t>いざわ</t>
    </rPh>
    <rPh sb="2" eb="4">
      <t>けんせつ</t>
    </rPh>
    <rPh sb="5" eb="9">
      <t>かぶしきがいしゃ</t>
    </rPh>
    <phoneticPr fontId="24" type="Hiragana"/>
  </si>
  <si>
    <t>株式会社　内藤建設</t>
  </si>
  <si>
    <t>国土開発工業　株式会社</t>
    <rPh sb="0" eb="2">
      <t>コクド</t>
    </rPh>
    <rPh sb="2" eb="4">
      <t>カイハツ</t>
    </rPh>
    <rPh sb="4" eb="6">
      <t>コウギョウ</t>
    </rPh>
    <phoneticPr fontId="3"/>
  </si>
  <si>
    <t>境川河川改修工事</t>
  </si>
  <si>
    <t>県道508号（昭和橋）橋りょう耐震補強工事</t>
  </si>
  <si>
    <t>国道134号擁壁改修工事</t>
  </si>
  <si>
    <t>県立津久井湖城山公園整備工事</t>
  </si>
  <si>
    <t>三浦縦貫道路Ⅱ期道路改良工事</t>
  </si>
  <si>
    <t>城山発電所水圧鉄管路管理設備取替工事</t>
  </si>
  <si>
    <t>県道63号（吾妻橋）橋りょう整備工事</t>
  </si>
  <si>
    <t>三崎漁港２号魚揚岸壁耐震強化工事</t>
  </si>
  <si>
    <t>相模川流域下水道左岸処理場雨天時増水対策既存施設電気設備改造工事</t>
  </si>
  <si>
    <t>寒川浄水場非常用予備発電機整備工事</t>
  </si>
  <si>
    <t>世附川右岸３他治山工事</t>
  </si>
  <si>
    <t>都市計画道路穴部国府津線街路整備工事</t>
  </si>
  <si>
    <t>相模原市南区相模大野2丁目地内配水管改良工事</t>
  </si>
  <si>
    <t>国道255号舗装補修工事</t>
  </si>
  <si>
    <t>湘南港港湾補修工事</t>
    <rPh sb="0" eb="2">
      <t>ショウナン</t>
    </rPh>
    <rPh sb="2" eb="3">
      <t>コウ</t>
    </rPh>
    <rPh sb="3" eb="5">
      <t>コウワン</t>
    </rPh>
    <rPh sb="5" eb="7">
      <t>ホシュウ</t>
    </rPh>
    <rPh sb="7" eb="9">
      <t>コウジ</t>
    </rPh>
    <phoneticPr fontId="2"/>
  </si>
  <si>
    <t>大和市つきみ野6丁目地内配水管改良工事</t>
  </si>
  <si>
    <t>伊勢原市笠窪地内配水管改良工事</t>
  </si>
  <si>
    <t>茅ヶ崎市西久保地内配水管改良工事</t>
  </si>
  <si>
    <t>県道54号（高田橋）橋梁下部工事</t>
  </si>
  <si>
    <t>宮城野林道開設工事</t>
  </si>
  <si>
    <t>茅ヶ崎市茅ヶ崎地内配水管改良工事</t>
  </si>
  <si>
    <t>塔ノ岳公衆便所改修工事</t>
  </si>
  <si>
    <t>藤沢市下土棚地内配水管改良工事</t>
  </si>
  <si>
    <t>茅ヶ崎市南湖3丁目地内配水管改良工事</t>
  </si>
  <si>
    <t>二宮町山西地内配水管改良工事</t>
  </si>
  <si>
    <t>相模原市緑区大島地内配水管改良工事</t>
  </si>
  <si>
    <t>湯河原箱根仙石原線街路整備工事</t>
  </si>
  <si>
    <t>相模原市南区大野台２丁目地内
配水管改良工事</t>
  </si>
  <si>
    <t>藤沢市北部第二特別給水装置工事</t>
  </si>
  <si>
    <t>藤沢市高倉地内
配水管改良工事</t>
    <rPh sb="5" eb="6">
      <t>チ</t>
    </rPh>
    <rPh sb="6" eb="7">
      <t>ナイ</t>
    </rPh>
    <phoneticPr fontId="2"/>
  </si>
  <si>
    <t>横浜緑ケ丘高校西館改修及び耐震補強工事・渡り廊下棟新築工事(衛生他)</t>
  </si>
  <si>
    <t>県道51号道路補修工事</t>
  </si>
  <si>
    <t>厚木市森の里東特別給水装置工事</t>
  </si>
  <si>
    <t>菱沼海岸地区海岸補修工事</t>
    <rPh sb="0" eb="2">
      <t>ヒシヌマ</t>
    </rPh>
    <rPh sb="2" eb="4">
      <t>カイガン</t>
    </rPh>
    <rPh sb="4" eb="6">
      <t>チク</t>
    </rPh>
    <rPh sb="6" eb="8">
      <t>カイガン</t>
    </rPh>
    <rPh sb="8" eb="10">
      <t>ホシュウ</t>
    </rPh>
    <rPh sb="10" eb="12">
      <t>コウジ</t>
    </rPh>
    <phoneticPr fontId="2"/>
  </si>
  <si>
    <t>松陽高校南館改修及び耐震補強工事（建築）</t>
  </si>
  <si>
    <t>国道134号（花水川橋）橋りょう補修工事</t>
  </si>
  <si>
    <t>二級河川田越川河川改修工事</t>
    <rPh sb="0" eb="2">
      <t>ニキュウ</t>
    </rPh>
    <rPh sb="2" eb="4">
      <t>カセン</t>
    </rPh>
    <rPh sb="4" eb="5">
      <t>タ</t>
    </rPh>
    <rPh sb="5" eb="6">
      <t>ゴ</t>
    </rPh>
    <rPh sb="6" eb="7">
      <t>カワ</t>
    </rPh>
    <rPh sb="7" eb="9">
      <t>カセン</t>
    </rPh>
    <rPh sb="9" eb="11">
      <t>カイシュウ</t>
    </rPh>
    <rPh sb="11" eb="13">
      <t>コウジ</t>
    </rPh>
    <phoneticPr fontId="2"/>
  </si>
  <si>
    <t>県道60号御門橋架替仮橋設置工事</t>
  </si>
  <si>
    <t>県道61号電線地中化促進工事</t>
  </si>
  <si>
    <t>大滝町地区急傾斜地崩壊対策工事</t>
    <rPh sb="0" eb="2">
      <t>オオタキ</t>
    </rPh>
    <rPh sb="2" eb="3">
      <t>チョウ</t>
    </rPh>
    <rPh sb="3" eb="5">
      <t>チク</t>
    </rPh>
    <rPh sb="5" eb="6">
      <t>キュウ</t>
    </rPh>
    <rPh sb="6" eb="9">
      <t>ケイシャチ</t>
    </rPh>
    <rPh sb="9" eb="11">
      <t>ホウカイ</t>
    </rPh>
    <rPh sb="11" eb="13">
      <t>タイサク</t>
    </rPh>
    <rPh sb="13" eb="15">
      <t>コウジ</t>
    </rPh>
    <phoneticPr fontId="2"/>
  </si>
  <si>
    <t>神奈川自治会館改修工事（空調）</t>
  </si>
  <si>
    <t>県道723号交通安全施設等整備工事</t>
  </si>
  <si>
    <t>県道63号（船子工区）舗装補修工事</t>
  </si>
  <si>
    <t>県営吾妻団地個別改善工事(2期)</t>
  </si>
  <si>
    <t>県道706号道路補修工事</t>
  </si>
  <si>
    <t>県道601号（幸町～厚木町工区）照明灯設置工事</t>
  </si>
  <si>
    <t>足柄大橋橋りょう補修工事</t>
  </si>
  <si>
    <t>境川河川改修工事</t>
    <rPh sb="0" eb="1">
      <t>サカイ</t>
    </rPh>
    <rPh sb="1" eb="2">
      <t>カワ</t>
    </rPh>
    <rPh sb="2" eb="4">
      <t>カセン</t>
    </rPh>
    <rPh sb="4" eb="6">
      <t>カイシュウ</t>
    </rPh>
    <rPh sb="6" eb="8">
      <t>コウジ</t>
    </rPh>
    <phoneticPr fontId="2"/>
  </si>
  <si>
    <t>県道22号（用田バイパス）改良工事</t>
    <rPh sb="0" eb="2">
      <t>ケンドウ</t>
    </rPh>
    <rPh sb="4" eb="5">
      <t>ゴウ</t>
    </rPh>
    <rPh sb="6" eb="8">
      <t>ヨウダ</t>
    </rPh>
    <rPh sb="13" eb="15">
      <t>カイリョウ</t>
    </rPh>
    <rPh sb="15" eb="17">
      <t>コウジ</t>
    </rPh>
    <phoneticPr fontId="2"/>
  </si>
  <si>
    <t xml:space="preserve">富岡東５丁目東地区急傾斜地崩壊対策工事
</t>
  </si>
  <si>
    <t>国道１号舗装補修工事</t>
  </si>
  <si>
    <t>東生田2丁目地区急傾斜地崩壊対策工事</t>
    <rPh sb="0" eb="1">
      <t>ヒガシ</t>
    </rPh>
    <rPh sb="1" eb="3">
      <t>イクタ</t>
    </rPh>
    <rPh sb="4" eb="6">
      <t>チョウメ</t>
    </rPh>
    <rPh sb="6" eb="8">
      <t>チク</t>
    </rPh>
    <rPh sb="8" eb="11">
      <t>キュウケイシャ</t>
    </rPh>
    <rPh sb="11" eb="12">
      <t>チ</t>
    </rPh>
    <rPh sb="12" eb="14">
      <t>ホウカイ</t>
    </rPh>
    <rPh sb="14" eb="16">
      <t>タイサク</t>
    </rPh>
    <rPh sb="16" eb="18">
      <t>コウジ</t>
    </rPh>
    <phoneticPr fontId="2"/>
  </si>
  <si>
    <t>県道43号交通安全施設補修工事</t>
  </si>
  <si>
    <t>県道214号（武上宮田）道路補修工事</t>
    <rPh sb="0" eb="2">
      <t>ケンドウ</t>
    </rPh>
    <rPh sb="5" eb="6">
      <t>ゴウ</t>
    </rPh>
    <rPh sb="7" eb="8">
      <t>タケ</t>
    </rPh>
    <rPh sb="8" eb="9">
      <t>カミ</t>
    </rPh>
    <rPh sb="9" eb="11">
      <t>ミヤタ</t>
    </rPh>
    <rPh sb="12" eb="14">
      <t>ドウロ</t>
    </rPh>
    <rPh sb="14" eb="16">
      <t>ホシュウ</t>
    </rPh>
    <rPh sb="16" eb="18">
      <t>コウジ</t>
    </rPh>
    <phoneticPr fontId="2"/>
  </si>
  <si>
    <t>県営川上第二団地個別改善工事(2期)</t>
  </si>
  <si>
    <t>国道129号戸田交差点立体交差工事</t>
    <rPh sb="0" eb="2">
      <t>コクドウ</t>
    </rPh>
    <rPh sb="1" eb="2">
      <t>イッコク</t>
    </rPh>
    <rPh sb="5" eb="6">
      <t>ゴウ</t>
    </rPh>
    <rPh sb="6" eb="8">
      <t>トダ</t>
    </rPh>
    <rPh sb="8" eb="11">
      <t>コウサテン</t>
    </rPh>
    <rPh sb="11" eb="13">
      <t>リッタイ</t>
    </rPh>
    <rPh sb="13" eb="15">
      <t>コウサ</t>
    </rPh>
    <rPh sb="15" eb="17">
      <t>コウジ</t>
    </rPh>
    <phoneticPr fontId="28"/>
  </si>
  <si>
    <t>地方港湾真鶴港沖防波堤上部工（№6～8）工事</t>
    <rPh sb="0" eb="2">
      <t>チホウ</t>
    </rPh>
    <rPh sb="2" eb="4">
      <t>コウワン</t>
    </rPh>
    <rPh sb="4" eb="6">
      <t>マナヅル</t>
    </rPh>
    <rPh sb="6" eb="7">
      <t>コウ</t>
    </rPh>
    <rPh sb="7" eb="8">
      <t>オキ</t>
    </rPh>
    <rPh sb="8" eb="11">
      <t>ボウハテイ</t>
    </rPh>
    <rPh sb="11" eb="13">
      <t>ジョウブ</t>
    </rPh>
    <rPh sb="13" eb="14">
      <t>コウ</t>
    </rPh>
    <rPh sb="20" eb="22">
      <t>コウジ</t>
    </rPh>
    <phoneticPr fontId="28"/>
  </si>
  <si>
    <t>小田原特定漁港漁場臨港道路等整備工事</t>
  </si>
  <si>
    <t>都市計画道路久里浜田浦線街路整備工事</t>
    <rPh sb="0" eb="2">
      <t>トシ</t>
    </rPh>
    <rPh sb="2" eb="4">
      <t>ケイカク</t>
    </rPh>
    <rPh sb="4" eb="6">
      <t>ドウロ</t>
    </rPh>
    <rPh sb="6" eb="9">
      <t>クリハマ</t>
    </rPh>
    <rPh sb="9" eb="11">
      <t>タウラ</t>
    </rPh>
    <rPh sb="11" eb="12">
      <t>セン</t>
    </rPh>
    <rPh sb="12" eb="14">
      <t>ガイロ</t>
    </rPh>
    <rPh sb="14" eb="16">
      <t>セイビ</t>
    </rPh>
    <rPh sb="16" eb="18">
      <t>コウジ</t>
    </rPh>
    <phoneticPr fontId="28"/>
  </si>
  <si>
    <t>県道708号　橋梁上部工工事（大井側）</t>
    <rPh sb="0" eb="2">
      <t>ケンドウ</t>
    </rPh>
    <rPh sb="5" eb="6">
      <t>ゴウ</t>
    </rPh>
    <rPh sb="7" eb="9">
      <t>キョウリョウ</t>
    </rPh>
    <rPh sb="9" eb="11">
      <t>ジョウブ</t>
    </rPh>
    <rPh sb="11" eb="12">
      <t>コウ</t>
    </rPh>
    <rPh sb="12" eb="14">
      <t>コウジ</t>
    </rPh>
    <rPh sb="15" eb="17">
      <t>オオイ</t>
    </rPh>
    <rPh sb="17" eb="18">
      <t>ガワ</t>
    </rPh>
    <phoneticPr fontId="28"/>
  </si>
  <si>
    <t>県道42号道路災害防除工事</t>
    <rPh sb="0" eb="2">
      <t>ケンドウ</t>
    </rPh>
    <rPh sb="4" eb="5">
      <t>ゴウ</t>
    </rPh>
    <rPh sb="5" eb="7">
      <t>ドウロ</t>
    </rPh>
    <rPh sb="7" eb="9">
      <t>サイガイ</t>
    </rPh>
    <rPh sb="9" eb="11">
      <t>ボウジョ</t>
    </rPh>
    <rPh sb="11" eb="13">
      <t>コウジ</t>
    </rPh>
    <phoneticPr fontId="28"/>
  </si>
  <si>
    <t>山ノ内揚水ポンプ所電気設備更新工事</t>
  </si>
  <si>
    <t>水産業施設現年災害復旧事業城ヶ島南防波堤災害復旧工事</t>
  </si>
  <si>
    <t>かながわ環境整備センターしゃ水施設整備工事</t>
    <rPh sb="4" eb="6">
      <t>カンキョウ</t>
    </rPh>
    <rPh sb="6" eb="8">
      <t>セイビ</t>
    </rPh>
    <rPh sb="14" eb="15">
      <t>スイ</t>
    </rPh>
    <rPh sb="15" eb="17">
      <t>シセツ</t>
    </rPh>
    <rPh sb="17" eb="19">
      <t>セイビ</t>
    </rPh>
    <rPh sb="19" eb="21">
      <t>コウジ</t>
    </rPh>
    <phoneticPr fontId="28"/>
  </si>
  <si>
    <t>笠間２丁目地区他急傾斜地崩壊対策工事</t>
    <rPh sb="0" eb="2">
      <t>カサマ</t>
    </rPh>
    <rPh sb="3" eb="5">
      <t>チョウメ</t>
    </rPh>
    <rPh sb="5" eb="7">
      <t>チク</t>
    </rPh>
    <rPh sb="7" eb="8">
      <t>ホカ</t>
    </rPh>
    <rPh sb="8" eb="9">
      <t>キュウ</t>
    </rPh>
    <rPh sb="9" eb="12">
      <t>ケイシャチ</t>
    </rPh>
    <rPh sb="12" eb="14">
      <t>ホウカイ</t>
    </rPh>
    <rPh sb="14" eb="16">
      <t>タイサク</t>
    </rPh>
    <rPh sb="16" eb="18">
      <t>コウジ</t>
    </rPh>
    <phoneticPr fontId="28"/>
  </si>
  <si>
    <t>県道205号(金沢逗子)道路補修工事</t>
    <rPh sb="0" eb="2">
      <t>ケンドウ</t>
    </rPh>
    <rPh sb="5" eb="6">
      <t>ゴウ</t>
    </rPh>
    <rPh sb="7" eb="9">
      <t>カナザワ</t>
    </rPh>
    <rPh sb="9" eb="11">
      <t>ズシ</t>
    </rPh>
    <rPh sb="12" eb="14">
      <t>ドウロ</t>
    </rPh>
    <rPh sb="14" eb="16">
      <t>ホシュウ</t>
    </rPh>
    <rPh sb="16" eb="18">
      <t>コウジ</t>
    </rPh>
    <phoneticPr fontId="28"/>
  </si>
  <si>
    <t>広域農道整備事業　吉浜白沼田工区工事</t>
    <rPh sb="0" eb="2">
      <t>コウイキ</t>
    </rPh>
    <rPh sb="2" eb="4">
      <t>ノウドウ</t>
    </rPh>
    <rPh sb="4" eb="6">
      <t>セイビ</t>
    </rPh>
    <rPh sb="6" eb="8">
      <t>ジギョウ</t>
    </rPh>
    <rPh sb="9" eb="11">
      <t>ヨシハマ</t>
    </rPh>
    <rPh sb="11" eb="12">
      <t>シロ</t>
    </rPh>
    <rPh sb="12" eb="14">
      <t>ヌマタ</t>
    </rPh>
    <rPh sb="14" eb="16">
      <t>コウク</t>
    </rPh>
    <rPh sb="16" eb="18">
      <t>コウジ</t>
    </rPh>
    <phoneticPr fontId="28"/>
  </si>
  <si>
    <t>国道412号（下荻野工区）舗装補修工事</t>
    <rPh sb="0" eb="2">
      <t>コクドウ</t>
    </rPh>
    <rPh sb="5" eb="6">
      <t>ゴウ</t>
    </rPh>
    <rPh sb="7" eb="10">
      <t>シモオギノ</t>
    </rPh>
    <rPh sb="10" eb="12">
      <t>コウク</t>
    </rPh>
    <rPh sb="13" eb="15">
      <t>ホソウ</t>
    </rPh>
    <rPh sb="15" eb="17">
      <t>ホシュウ</t>
    </rPh>
    <rPh sb="17" eb="19">
      <t>コウジ</t>
    </rPh>
    <phoneticPr fontId="28"/>
  </si>
  <si>
    <t>不動川河川改修工事</t>
    <rPh sb="0" eb="2">
      <t>フドウ</t>
    </rPh>
    <rPh sb="2" eb="3">
      <t>ガワ</t>
    </rPh>
    <rPh sb="3" eb="5">
      <t>カセン</t>
    </rPh>
    <rPh sb="5" eb="7">
      <t>カイシュウ</t>
    </rPh>
    <rPh sb="7" eb="9">
      <t>コウジ</t>
    </rPh>
    <phoneticPr fontId="28"/>
  </si>
  <si>
    <t>大和市上草柳７丁目地内配水管改良工事</t>
    <rPh sb="0" eb="2">
      <t>ヤマト</t>
    </rPh>
    <rPh sb="2" eb="3">
      <t>シ</t>
    </rPh>
    <rPh sb="3" eb="6">
      <t>カミソウヤギ</t>
    </rPh>
    <rPh sb="7" eb="9">
      <t>チョウメ</t>
    </rPh>
    <rPh sb="9" eb="10">
      <t>チ</t>
    </rPh>
    <rPh sb="10" eb="11">
      <t>ナイ</t>
    </rPh>
    <rPh sb="11" eb="13">
      <t>ハイスイ</t>
    </rPh>
    <rPh sb="13" eb="14">
      <t>カン</t>
    </rPh>
    <rPh sb="14" eb="16">
      <t>カイリョウ</t>
    </rPh>
    <rPh sb="16" eb="18">
      <t>コウジ</t>
    </rPh>
    <phoneticPr fontId="1"/>
  </si>
  <si>
    <t>相模原市南区新磯野５丁目地内配水管改良工事</t>
    <rPh sb="10" eb="12">
      <t>チョウメ</t>
    </rPh>
    <rPh sb="12" eb="14">
      <t>ジナイ</t>
    </rPh>
    <rPh sb="14" eb="17">
      <t>ハイスイカン</t>
    </rPh>
    <phoneticPr fontId="1"/>
  </si>
  <si>
    <t>県道78号（御殿場大井）足柄大橋　橋りょう耐震補強工事</t>
    <rPh sb="0" eb="2">
      <t>ケンドウ</t>
    </rPh>
    <rPh sb="4" eb="5">
      <t>ゴウ</t>
    </rPh>
    <rPh sb="6" eb="9">
      <t>ゴテンバ</t>
    </rPh>
    <rPh sb="9" eb="11">
      <t>オオイ</t>
    </rPh>
    <rPh sb="12" eb="14">
      <t>アシガラ</t>
    </rPh>
    <rPh sb="14" eb="16">
      <t>オオハシ</t>
    </rPh>
    <rPh sb="17" eb="18">
      <t>キョウ</t>
    </rPh>
    <rPh sb="21" eb="23">
      <t>タイシン</t>
    </rPh>
    <rPh sb="23" eb="25">
      <t>ホキョウ</t>
    </rPh>
    <rPh sb="25" eb="27">
      <t>コウジ</t>
    </rPh>
    <phoneticPr fontId="28"/>
  </si>
  <si>
    <t>県道603号上堤排水路付替工事</t>
  </si>
  <si>
    <t>酒匂川流域下水道　箱根小田原幹線　管渠築造工事１－０工区</t>
    <rPh sb="0" eb="2">
      <t>サカワ</t>
    </rPh>
    <rPh sb="2" eb="3">
      <t>ガワ</t>
    </rPh>
    <rPh sb="3" eb="5">
      <t>リュウイキ</t>
    </rPh>
    <rPh sb="5" eb="8">
      <t>ゲスイドウ</t>
    </rPh>
    <rPh sb="9" eb="11">
      <t>ハコネ</t>
    </rPh>
    <rPh sb="11" eb="14">
      <t>オダワラ</t>
    </rPh>
    <rPh sb="14" eb="16">
      <t>カンセン</t>
    </rPh>
    <rPh sb="17" eb="18">
      <t>カン</t>
    </rPh>
    <rPh sb="18" eb="19">
      <t>キョ</t>
    </rPh>
    <rPh sb="19" eb="21">
      <t>チクゾウ</t>
    </rPh>
    <rPh sb="21" eb="23">
      <t>コウジ</t>
    </rPh>
    <rPh sb="26" eb="27">
      <t>コウ</t>
    </rPh>
    <rPh sb="27" eb="28">
      <t>ク</t>
    </rPh>
    <phoneticPr fontId="28"/>
  </si>
  <si>
    <t>山北つぶらの公園　公園整備工事</t>
    <rPh sb="0" eb="2">
      <t>ヤマキタ</t>
    </rPh>
    <rPh sb="6" eb="8">
      <t>コウエン</t>
    </rPh>
    <rPh sb="9" eb="11">
      <t>コウエン</t>
    </rPh>
    <rPh sb="11" eb="13">
      <t>セイビ</t>
    </rPh>
    <rPh sb="13" eb="15">
      <t>コウジ</t>
    </rPh>
    <phoneticPr fontId="28"/>
  </si>
  <si>
    <t>首都圏自然歩道（大山参り蓑毛のみち）整備工事</t>
  </si>
  <si>
    <t>茅ヶ崎市西久保地内配水管布設工事</t>
    <rPh sb="0" eb="4">
      <t>チガサキシ</t>
    </rPh>
    <rPh sb="4" eb="7">
      <t>ニシクボ</t>
    </rPh>
    <rPh sb="7" eb="8">
      <t>チ</t>
    </rPh>
    <rPh sb="8" eb="9">
      <t>ナイ</t>
    </rPh>
    <rPh sb="9" eb="11">
      <t>ハイスイ</t>
    </rPh>
    <rPh sb="11" eb="12">
      <t>カン</t>
    </rPh>
    <rPh sb="12" eb="14">
      <t>フセツ</t>
    </rPh>
    <rPh sb="14" eb="16">
      <t>コウジ</t>
    </rPh>
    <phoneticPr fontId="5"/>
  </si>
  <si>
    <t>伊勢原市石田地内配水管改良工事</t>
    <rPh sb="6" eb="7">
      <t>チ</t>
    </rPh>
    <rPh sb="7" eb="8">
      <t>ナイ</t>
    </rPh>
    <phoneticPr fontId="1"/>
  </si>
  <si>
    <t>厚木市上依知地内配水管改良工事</t>
    <rPh sb="6" eb="7">
      <t>チ</t>
    </rPh>
    <rPh sb="7" eb="8">
      <t>ナイ</t>
    </rPh>
    <phoneticPr fontId="1"/>
  </si>
  <si>
    <t>厚木市恩名３丁目地内配水管改良工事</t>
    <rPh sb="0" eb="2">
      <t>アツギ</t>
    </rPh>
    <rPh sb="2" eb="3">
      <t>シ</t>
    </rPh>
    <rPh sb="3" eb="5">
      <t>オンナ</t>
    </rPh>
    <rPh sb="6" eb="8">
      <t>チョウメ</t>
    </rPh>
    <rPh sb="8" eb="9">
      <t>チ</t>
    </rPh>
    <rPh sb="9" eb="10">
      <t>ナイ</t>
    </rPh>
    <rPh sb="10" eb="13">
      <t>ハイスイカン</t>
    </rPh>
    <rPh sb="13" eb="15">
      <t>カイリョウ</t>
    </rPh>
    <rPh sb="15" eb="17">
      <t>コウジ</t>
    </rPh>
    <phoneticPr fontId="5"/>
  </si>
  <si>
    <t>鎌倉市二階堂地内配水管改良工事</t>
    <rPh sb="6" eb="7">
      <t>チ</t>
    </rPh>
    <rPh sb="7" eb="8">
      <t>ナイ</t>
    </rPh>
    <phoneticPr fontId="1"/>
  </si>
  <si>
    <t>国道412号（半原工区）道路法面保護工事</t>
    <rPh sb="0" eb="2">
      <t>コクドウ</t>
    </rPh>
    <rPh sb="5" eb="6">
      <t>ゴウ</t>
    </rPh>
    <rPh sb="7" eb="9">
      <t>ハンバラ</t>
    </rPh>
    <rPh sb="9" eb="11">
      <t>コウク</t>
    </rPh>
    <rPh sb="12" eb="14">
      <t>ドウロ</t>
    </rPh>
    <rPh sb="14" eb="15">
      <t>ノリ</t>
    </rPh>
    <rPh sb="15" eb="16">
      <t>メン</t>
    </rPh>
    <rPh sb="16" eb="18">
      <t>ホゴ</t>
    </rPh>
    <rPh sb="18" eb="20">
      <t>コウジ</t>
    </rPh>
    <phoneticPr fontId="28"/>
  </si>
  <si>
    <t>国道412号（半原工区）舗装補修工事</t>
    <rPh sb="0" eb="2">
      <t>コクドウ</t>
    </rPh>
    <rPh sb="5" eb="6">
      <t>ゴウ</t>
    </rPh>
    <rPh sb="7" eb="9">
      <t>ハンバラ</t>
    </rPh>
    <rPh sb="9" eb="11">
      <t>コウク</t>
    </rPh>
    <rPh sb="12" eb="14">
      <t>ホソウ</t>
    </rPh>
    <rPh sb="14" eb="16">
      <t>ホシュウ</t>
    </rPh>
    <rPh sb="16" eb="18">
      <t>コウジ</t>
    </rPh>
    <phoneticPr fontId="28"/>
  </si>
  <si>
    <t>相模原市中央区横山６丁目地内配水管改良工事</t>
    <rPh sb="12" eb="13">
      <t>チ</t>
    </rPh>
    <rPh sb="13" eb="14">
      <t>ナイ</t>
    </rPh>
    <rPh sb="14" eb="17">
      <t>ハイスイカン</t>
    </rPh>
    <rPh sb="17" eb="19">
      <t>カイリョウ</t>
    </rPh>
    <rPh sb="19" eb="21">
      <t>コウジ</t>
    </rPh>
    <phoneticPr fontId="1"/>
  </si>
  <si>
    <t>県道729号(山北山中湖)斜面崩壊対策待受け工事</t>
    <rPh sb="0" eb="2">
      <t>ケンドウ</t>
    </rPh>
    <rPh sb="5" eb="6">
      <t>ゴウ</t>
    </rPh>
    <rPh sb="7" eb="9">
      <t>ヤマキタ</t>
    </rPh>
    <rPh sb="9" eb="12">
      <t>ヤマナカコ</t>
    </rPh>
    <rPh sb="13" eb="15">
      <t>シャメン</t>
    </rPh>
    <rPh sb="15" eb="17">
      <t>ホウカイ</t>
    </rPh>
    <rPh sb="17" eb="19">
      <t>タイサク</t>
    </rPh>
    <rPh sb="19" eb="21">
      <t>マチウ</t>
    </rPh>
    <rPh sb="22" eb="24">
      <t>コウジ</t>
    </rPh>
    <phoneticPr fontId="28"/>
  </si>
  <si>
    <t>中野高区第２揚水ポンプ所築造工事</t>
  </si>
  <si>
    <t>県道407号道路補修工事</t>
    <rPh sb="0" eb="2">
      <t>ケンドウ</t>
    </rPh>
    <rPh sb="5" eb="6">
      <t>ゴウ</t>
    </rPh>
    <rPh sb="6" eb="8">
      <t>ドウロ</t>
    </rPh>
    <rPh sb="8" eb="10">
      <t>ホシュウ</t>
    </rPh>
    <rPh sb="10" eb="12">
      <t>コウジ</t>
    </rPh>
    <phoneticPr fontId="28"/>
  </si>
  <si>
    <t>茅ヶ崎市浜之郷地内配水管改良工事</t>
    <rPh sb="7" eb="8">
      <t>チ</t>
    </rPh>
    <rPh sb="8" eb="9">
      <t>ナイ</t>
    </rPh>
    <phoneticPr fontId="1"/>
  </si>
  <si>
    <t>県立相模原公園公園整備工事</t>
    <rPh sb="2" eb="5">
      <t>サガミハラ</t>
    </rPh>
    <phoneticPr fontId="28"/>
  </si>
  <si>
    <t>県道43号交通安全施設補修工事</t>
    <rPh sb="0" eb="2">
      <t>ケンドウ</t>
    </rPh>
    <rPh sb="4" eb="5">
      <t>ゴウ</t>
    </rPh>
    <rPh sb="5" eb="7">
      <t>コウツウ</t>
    </rPh>
    <rPh sb="7" eb="9">
      <t>アンゼン</t>
    </rPh>
    <rPh sb="9" eb="11">
      <t>シセツ</t>
    </rPh>
    <rPh sb="11" eb="12">
      <t>ホ</t>
    </rPh>
    <rPh sb="12" eb="13">
      <t>シュウ</t>
    </rPh>
    <rPh sb="13" eb="15">
      <t>コウジ</t>
    </rPh>
    <phoneticPr fontId="28"/>
  </si>
  <si>
    <t>稲村ガ崎３丁目地区　急傾斜地崩壊対策工事　</t>
    <rPh sb="10" eb="11">
      <t>キュウ</t>
    </rPh>
    <rPh sb="11" eb="14">
      <t>ケイシャチ</t>
    </rPh>
    <rPh sb="14" eb="16">
      <t>ホウカイ</t>
    </rPh>
    <rPh sb="16" eb="18">
      <t>タイサク</t>
    </rPh>
    <rPh sb="18" eb="20">
      <t>コウジ</t>
    </rPh>
    <phoneticPr fontId="29"/>
  </si>
  <si>
    <t>一級河川矢上川地下調節池中間立坑本体工事</t>
    <rPh sb="0" eb="2">
      <t>イッキュウ</t>
    </rPh>
    <rPh sb="2" eb="4">
      <t>カセン</t>
    </rPh>
    <rPh sb="4" eb="6">
      <t>ヤガミ</t>
    </rPh>
    <rPh sb="6" eb="7">
      <t>ガワ</t>
    </rPh>
    <rPh sb="7" eb="9">
      <t>チカ</t>
    </rPh>
    <rPh sb="9" eb="11">
      <t>チョウセツ</t>
    </rPh>
    <rPh sb="11" eb="12">
      <t>イケ</t>
    </rPh>
    <rPh sb="12" eb="14">
      <t>チュウカン</t>
    </rPh>
    <rPh sb="14" eb="15">
      <t>タテ</t>
    </rPh>
    <rPh sb="15" eb="16">
      <t>コウ</t>
    </rPh>
    <rPh sb="16" eb="18">
      <t>ホンタイ</t>
    </rPh>
    <rPh sb="18" eb="20">
      <t>コウジ</t>
    </rPh>
    <phoneticPr fontId="3"/>
  </si>
  <si>
    <t>県道708号　橋梁上部工工事（秦野側）</t>
    <rPh sb="0" eb="2">
      <t>ケンドウ</t>
    </rPh>
    <rPh sb="5" eb="6">
      <t>ゴウ</t>
    </rPh>
    <rPh sb="7" eb="9">
      <t>キョウリョウ</t>
    </rPh>
    <rPh sb="9" eb="11">
      <t>ジョウブ</t>
    </rPh>
    <rPh sb="11" eb="12">
      <t>コウ</t>
    </rPh>
    <rPh sb="12" eb="14">
      <t>コウジ</t>
    </rPh>
    <rPh sb="15" eb="17">
      <t>ハダノ</t>
    </rPh>
    <rPh sb="17" eb="18">
      <t>ガワ</t>
    </rPh>
    <phoneticPr fontId="3"/>
  </si>
  <si>
    <t>大磯港津波避難タワー基礎工事</t>
    <rPh sb="0" eb="2">
      <t>オオイソ</t>
    </rPh>
    <rPh sb="2" eb="3">
      <t>コウ</t>
    </rPh>
    <rPh sb="3" eb="5">
      <t>ツナミ</t>
    </rPh>
    <rPh sb="5" eb="7">
      <t>ヒナン</t>
    </rPh>
    <rPh sb="10" eb="12">
      <t>キソ</t>
    </rPh>
    <rPh sb="12" eb="14">
      <t>コウジ</t>
    </rPh>
    <phoneticPr fontId="3"/>
  </si>
  <si>
    <t>県道51号交通安全施設等整備工事</t>
    <rPh sb="0" eb="2">
      <t>ケンドウ</t>
    </rPh>
    <rPh sb="4" eb="5">
      <t>ゴウ</t>
    </rPh>
    <rPh sb="5" eb="7">
      <t>コウツウ</t>
    </rPh>
    <rPh sb="7" eb="9">
      <t>アンゼン</t>
    </rPh>
    <rPh sb="9" eb="11">
      <t>シセツ</t>
    </rPh>
    <rPh sb="11" eb="12">
      <t>トウ</t>
    </rPh>
    <rPh sb="12" eb="14">
      <t>セイビ</t>
    </rPh>
    <rPh sb="14" eb="16">
      <t>コウジ</t>
    </rPh>
    <phoneticPr fontId="3"/>
  </si>
  <si>
    <t>茅ヶ崎海岸突堤延伸工事</t>
    <rPh sb="0" eb="3">
      <t>チガサキ</t>
    </rPh>
    <rPh sb="3" eb="5">
      <t>カイガン</t>
    </rPh>
    <rPh sb="5" eb="7">
      <t>トッテイ</t>
    </rPh>
    <rPh sb="7" eb="9">
      <t>エンシン</t>
    </rPh>
    <rPh sb="9" eb="11">
      <t>コウジ</t>
    </rPh>
    <phoneticPr fontId="3"/>
  </si>
  <si>
    <t>酒匂縦貫道路中央分離帯設置工事</t>
    <rPh sb="0" eb="2">
      <t>サカワ</t>
    </rPh>
    <rPh sb="2" eb="4">
      <t>ジュウカン</t>
    </rPh>
    <rPh sb="4" eb="6">
      <t>ドウロ</t>
    </rPh>
    <rPh sb="6" eb="8">
      <t>チュウオウ</t>
    </rPh>
    <rPh sb="8" eb="11">
      <t>ブンリタイ</t>
    </rPh>
    <rPh sb="11" eb="13">
      <t>セッチ</t>
    </rPh>
    <rPh sb="13" eb="15">
      <t>コウジ</t>
    </rPh>
    <phoneticPr fontId="3"/>
  </si>
  <si>
    <t>県道717号（沼田国府津）道路排水施設整備工事</t>
    <rPh sb="0" eb="2">
      <t>ケンドウ</t>
    </rPh>
    <rPh sb="5" eb="6">
      <t>ゴウ</t>
    </rPh>
    <rPh sb="7" eb="9">
      <t>ヌマタ</t>
    </rPh>
    <rPh sb="9" eb="12">
      <t>コウヅ</t>
    </rPh>
    <rPh sb="13" eb="15">
      <t>ドウロ</t>
    </rPh>
    <rPh sb="15" eb="17">
      <t>ハイスイ</t>
    </rPh>
    <rPh sb="17" eb="19">
      <t>シセツ</t>
    </rPh>
    <rPh sb="19" eb="21">
      <t>セイビ</t>
    </rPh>
    <rPh sb="21" eb="23">
      <t>コウジ</t>
    </rPh>
    <phoneticPr fontId="3"/>
  </si>
  <si>
    <t>国道138号　舗装補修工事</t>
    <rPh sb="0" eb="2">
      <t>コクドウ</t>
    </rPh>
    <rPh sb="5" eb="6">
      <t>ゴウ</t>
    </rPh>
    <rPh sb="7" eb="9">
      <t>ホソウ</t>
    </rPh>
    <rPh sb="9" eb="11">
      <t>ホシュウ</t>
    </rPh>
    <rPh sb="11" eb="13">
      <t>コウジ</t>
    </rPh>
    <phoneticPr fontId="3"/>
  </si>
  <si>
    <t>あいかわ公園南山自然観察園路整備工事</t>
    <rPh sb="4" eb="6">
      <t>コウエン</t>
    </rPh>
    <rPh sb="6" eb="8">
      <t>ミナミヤマ</t>
    </rPh>
    <rPh sb="8" eb="10">
      <t>シゼン</t>
    </rPh>
    <rPh sb="10" eb="12">
      <t>カンサツ</t>
    </rPh>
    <rPh sb="12" eb="14">
      <t>エンロ</t>
    </rPh>
    <rPh sb="14" eb="16">
      <t>セイビ</t>
    </rPh>
    <rPh sb="16" eb="18">
      <t>コウジ</t>
    </rPh>
    <phoneticPr fontId="3"/>
  </si>
  <si>
    <t>県道45号橋りょう補修工事</t>
    <rPh sb="0" eb="2">
      <t>ケンドウ</t>
    </rPh>
    <rPh sb="4" eb="5">
      <t>ゴウ</t>
    </rPh>
    <rPh sb="5" eb="6">
      <t>キョウ</t>
    </rPh>
    <rPh sb="9" eb="11">
      <t>ホシュウ</t>
    </rPh>
    <rPh sb="11" eb="13">
      <t>コウジ</t>
    </rPh>
    <phoneticPr fontId="3"/>
  </si>
  <si>
    <t>河内川護岸洗掘防止工事</t>
    <rPh sb="0" eb="2">
      <t>カワウチ</t>
    </rPh>
    <rPh sb="2" eb="3">
      <t>カワ</t>
    </rPh>
    <rPh sb="3" eb="5">
      <t>ゴガン</t>
    </rPh>
    <rPh sb="5" eb="6">
      <t>アラ</t>
    </rPh>
    <rPh sb="7" eb="9">
      <t>ボウシ</t>
    </rPh>
    <rPh sb="9" eb="11">
      <t>コウジ</t>
    </rPh>
    <phoneticPr fontId="3"/>
  </si>
  <si>
    <t>国道129号新東名高速道路厚木南ＩＣ接続区間地盤改良工事</t>
    <rPh sb="0" eb="2">
      <t>コクドウ</t>
    </rPh>
    <rPh sb="1" eb="2">
      <t>イッコク</t>
    </rPh>
    <rPh sb="5" eb="6">
      <t>ゴウ</t>
    </rPh>
    <rPh sb="18" eb="20">
      <t>セツゾク</t>
    </rPh>
    <rPh sb="20" eb="22">
      <t>クカン</t>
    </rPh>
    <rPh sb="22" eb="24">
      <t>ジバン</t>
    </rPh>
    <rPh sb="24" eb="26">
      <t>カイリョウ</t>
    </rPh>
    <rPh sb="26" eb="28">
      <t>コウジ</t>
    </rPh>
    <phoneticPr fontId="3"/>
  </si>
  <si>
    <t>酒匂縦貫道路４車線化工事</t>
    <rPh sb="0" eb="2">
      <t>サカワ</t>
    </rPh>
    <rPh sb="2" eb="4">
      <t>ジュウカン</t>
    </rPh>
    <rPh sb="4" eb="6">
      <t>ドウロ</t>
    </rPh>
    <rPh sb="7" eb="8">
      <t>シャ</t>
    </rPh>
    <rPh sb="8" eb="10">
      <t>センカ</t>
    </rPh>
    <rPh sb="10" eb="12">
      <t>コウジ</t>
    </rPh>
    <phoneticPr fontId="3"/>
  </si>
  <si>
    <t>かなまじり沢砂防堰堤工事</t>
    <rPh sb="5" eb="6">
      <t>サワ</t>
    </rPh>
    <rPh sb="6" eb="8">
      <t>サボウ</t>
    </rPh>
    <rPh sb="8" eb="10">
      <t>エンテイ</t>
    </rPh>
    <rPh sb="10" eb="12">
      <t>コウジ</t>
    </rPh>
    <phoneticPr fontId="3"/>
  </si>
  <si>
    <t>県道711号(小田原松田)歩道整備・電線地中化工事</t>
    <rPh sb="0" eb="2">
      <t>ケンドウ</t>
    </rPh>
    <rPh sb="5" eb="6">
      <t>ゴウ</t>
    </rPh>
    <rPh sb="7" eb="10">
      <t>オダワラ</t>
    </rPh>
    <rPh sb="10" eb="12">
      <t>マツダ</t>
    </rPh>
    <rPh sb="13" eb="15">
      <t>ホドウ</t>
    </rPh>
    <rPh sb="15" eb="17">
      <t>セイビ</t>
    </rPh>
    <rPh sb="18" eb="20">
      <t>デンセン</t>
    </rPh>
    <rPh sb="20" eb="23">
      <t>チチュウカ</t>
    </rPh>
    <rPh sb="23" eb="25">
      <t>コウジ</t>
    </rPh>
    <phoneticPr fontId="3"/>
  </si>
  <si>
    <t>H29</t>
  </si>
  <si>
    <t>フジタ・フジタ道路・テクノジャパン　特定建設工事共同企業体</t>
    <rPh sb="7" eb="9">
      <t>ドウロ</t>
    </rPh>
    <phoneticPr fontId="28"/>
  </si>
  <si>
    <t>株式会社　鈴木組</t>
  </si>
  <si>
    <t>竹中土木・エス・ケイ・ディ　特定建設工事共同企業体</t>
  </si>
  <si>
    <t>馬淵・ユタカ　特定建設工事共同企業体</t>
    <rPh sb="0" eb="2">
      <t>マブチ</t>
    </rPh>
    <phoneticPr fontId="28"/>
  </si>
  <si>
    <t>極東興和　株式会社　横浜営業所　</t>
    <rPh sb="0" eb="2">
      <t>キョクトウ</t>
    </rPh>
    <rPh sb="2" eb="4">
      <t>コウワ</t>
    </rPh>
    <rPh sb="10" eb="12">
      <t>ヨコハマ</t>
    </rPh>
    <phoneticPr fontId="28"/>
  </si>
  <si>
    <t>ＮＥＣネッツエスアイ　株式会社　神奈川支店</t>
    <rPh sb="16" eb="19">
      <t>カナガワ</t>
    </rPh>
    <rPh sb="19" eb="21">
      <t>シテン</t>
    </rPh>
    <phoneticPr fontId="28"/>
  </si>
  <si>
    <t>若築・松浦　特定建設工事共同企業体</t>
    <rPh sb="14" eb="17">
      <t>キギョウタイ</t>
    </rPh>
    <phoneticPr fontId="28"/>
  </si>
  <si>
    <t>ユタカ・宇内　特定建設工事共同企業体</t>
    <rPh sb="4" eb="5">
      <t>ウ</t>
    </rPh>
    <rPh sb="5" eb="6">
      <t>ナイ</t>
    </rPh>
    <rPh sb="7" eb="9">
      <t>トクテイ</t>
    </rPh>
    <rPh sb="9" eb="11">
      <t>ケンセツ</t>
    </rPh>
    <rPh sb="11" eb="13">
      <t>コウジ</t>
    </rPh>
    <rPh sb="13" eb="15">
      <t>キョウドウ</t>
    </rPh>
    <rPh sb="15" eb="18">
      <t>キギョウタイ</t>
    </rPh>
    <phoneticPr fontId="28"/>
  </si>
  <si>
    <t xml:space="preserve">土志田建設　株式会社 </t>
    <rPh sb="0" eb="1">
      <t>ト</t>
    </rPh>
    <rPh sb="1" eb="2">
      <t>シ</t>
    </rPh>
    <rPh sb="2" eb="3">
      <t>ダ</t>
    </rPh>
    <rPh sb="3" eb="5">
      <t>ケンセツ</t>
    </rPh>
    <phoneticPr fontId="28"/>
  </si>
  <si>
    <t>松浦建設　株式会社</t>
    <rPh sb="0" eb="2">
      <t>マツウラ</t>
    </rPh>
    <rPh sb="2" eb="4">
      <t>ケンセツ</t>
    </rPh>
    <rPh sb="5" eb="7">
      <t>カブシキ</t>
    </rPh>
    <rPh sb="7" eb="9">
      <t>カイシャ</t>
    </rPh>
    <phoneticPr fontId="28"/>
  </si>
  <si>
    <t>株式会社　大勝建設　</t>
    <rPh sb="5" eb="7">
      <t>オオガチ</t>
    </rPh>
    <rPh sb="7" eb="9">
      <t>ケンセツ</t>
    </rPh>
    <phoneticPr fontId="28"/>
  </si>
  <si>
    <t>有限会社　神田組</t>
    <rPh sb="5" eb="7">
      <t>カンダ</t>
    </rPh>
    <rPh sb="7" eb="8">
      <t>クミ</t>
    </rPh>
    <phoneticPr fontId="28"/>
  </si>
  <si>
    <t>株式会社　菊地建設興業</t>
  </si>
  <si>
    <t>株式会社　相模土建</t>
  </si>
  <si>
    <t>株式会社　水野建設</t>
  </si>
  <si>
    <t>株式会社　田代組</t>
    <rPh sb="5" eb="7">
      <t>タシロ</t>
    </rPh>
    <rPh sb="7" eb="8">
      <t>クミ</t>
    </rPh>
    <phoneticPr fontId="28"/>
  </si>
  <si>
    <t>株式会社　中村園</t>
  </si>
  <si>
    <t>有限会社　山口商会</t>
  </si>
  <si>
    <t>佐藤建設　株式会社</t>
  </si>
  <si>
    <t>株式会社　藤城建設</t>
  </si>
  <si>
    <t>有限会社　野木建設</t>
    <rPh sb="5" eb="7">
      <t>ノギ</t>
    </rPh>
    <rPh sb="7" eb="9">
      <t>ケンセツ</t>
    </rPh>
    <phoneticPr fontId="28"/>
  </si>
  <si>
    <t xml:space="preserve">富士古河Ｅ＆Ｃ　株式会社 </t>
  </si>
  <si>
    <t>有限会社　協栄産業</t>
  </si>
  <si>
    <t>H28</t>
  </si>
  <si>
    <t>鹿島・大和小田急・タイヨー　特定建設工事共同企業体</t>
  </si>
  <si>
    <t>西松・三幸・日高　特定建設工事共同企業体　</t>
    <rPh sb="0" eb="2">
      <t>ニシマツ</t>
    </rPh>
    <rPh sb="3" eb="4">
      <t>サン</t>
    </rPh>
    <rPh sb="4" eb="5">
      <t>シアワ</t>
    </rPh>
    <rPh sb="6" eb="7">
      <t>ヒ</t>
    </rPh>
    <rPh sb="7" eb="8">
      <t>タカ</t>
    </rPh>
    <rPh sb="9" eb="11">
      <t>トクテイ</t>
    </rPh>
    <rPh sb="11" eb="13">
      <t>ケンセツ</t>
    </rPh>
    <rPh sb="13" eb="15">
      <t>コウジ</t>
    </rPh>
    <rPh sb="15" eb="17">
      <t>キョウドウ</t>
    </rPh>
    <rPh sb="17" eb="20">
      <t>キギョウタイ</t>
    </rPh>
    <phoneticPr fontId="2"/>
  </si>
  <si>
    <t>技研興業　株式会社　神奈川営業所</t>
    <rPh sb="0" eb="2">
      <t>ギケン</t>
    </rPh>
    <rPh sb="2" eb="4">
      <t>コウギョウ</t>
    </rPh>
    <rPh sb="10" eb="13">
      <t>カナガワ</t>
    </rPh>
    <rPh sb="13" eb="16">
      <t>エイギョウショ</t>
    </rPh>
    <phoneticPr fontId="3"/>
  </si>
  <si>
    <t>西松・飯田鉄工・横浜鉄工　特定建設工事共同企業体</t>
    <rPh sb="0" eb="2">
      <t>ニシマツ</t>
    </rPh>
    <rPh sb="3" eb="5">
      <t>イイダ</t>
    </rPh>
    <rPh sb="5" eb="7">
      <t>テッコウ</t>
    </rPh>
    <rPh sb="8" eb="10">
      <t>ヨコハマ</t>
    </rPh>
    <rPh sb="10" eb="12">
      <t>テッコウ</t>
    </rPh>
    <rPh sb="13" eb="15">
      <t>トクテイ</t>
    </rPh>
    <rPh sb="15" eb="17">
      <t>ケンセツ</t>
    </rPh>
    <rPh sb="17" eb="19">
      <t>コウジ</t>
    </rPh>
    <rPh sb="19" eb="21">
      <t>キョウドウ</t>
    </rPh>
    <rPh sb="21" eb="24">
      <t>キギョウタイ</t>
    </rPh>
    <phoneticPr fontId="2"/>
  </si>
  <si>
    <t>株式会社　日本ビオトープ</t>
    <rPh sb="5" eb="7">
      <t>ニホン</t>
    </rPh>
    <phoneticPr fontId="2"/>
  </si>
  <si>
    <t>亀井工業　株式会社</t>
  </si>
  <si>
    <t>明電プラントシステムズ　株式会社　神奈川営業所</t>
    <rPh sb="17" eb="20">
      <t>カナガワ</t>
    </rPh>
    <rPh sb="20" eb="23">
      <t>エイギョウショ</t>
    </rPh>
    <phoneticPr fontId="2"/>
  </si>
  <si>
    <t>株式会社　東芝　神奈川支店</t>
    <rPh sb="0" eb="4">
      <t>カブシキガイシャ</t>
    </rPh>
    <rPh sb="5" eb="7">
      <t>トウシバ</t>
    </rPh>
    <rPh sb="8" eb="11">
      <t>カナガワ</t>
    </rPh>
    <rPh sb="11" eb="13">
      <t>シテン</t>
    </rPh>
    <phoneticPr fontId="1"/>
  </si>
  <si>
    <t>東海林工　株式会社</t>
  </si>
  <si>
    <t>譲原建設　株式会社</t>
    <rPh sb="0" eb="1">
      <t>ユズ</t>
    </rPh>
    <rPh sb="1" eb="2">
      <t>ハラ</t>
    </rPh>
    <rPh sb="2" eb="4">
      <t>ケンセツ</t>
    </rPh>
    <phoneticPr fontId="2"/>
  </si>
  <si>
    <t>中泉商事　株式会社</t>
    <rPh sb="0" eb="1">
      <t>ナカ</t>
    </rPh>
    <rPh sb="1" eb="2">
      <t>イズミ</t>
    </rPh>
    <rPh sb="2" eb="4">
      <t>ショウジ</t>
    </rPh>
    <phoneticPr fontId="2"/>
  </si>
  <si>
    <t>株式会社　西尾興産</t>
  </si>
  <si>
    <t>株式会社　田中建設</t>
  </si>
  <si>
    <t>株式会社　マルイ設備</t>
  </si>
  <si>
    <t>鈴木土建　株式会社</t>
    <rPh sb="0" eb="2">
      <t>スズキ</t>
    </rPh>
    <rPh sb="2" eb="4">
      <t>ドケン</t>
    </rPh>
    <phoneticPr fontId="2"/>
  </si>
  <si>
    <t>有限会社　加藤工務店</t>
  </si>
  <si>
    <t>有限会社　横坂建設</t>
  </si>
  <si>
    <t>山﨑水道建設　株式会社</t>
  </si>
  <si>
    <t>有限会社　丸仁土木</t>
    <rPh sb="5" eb="6">
      <t>マル</t>
    </rPh>
    <rPh sb="6" eb="7">
      <t>ジン</t>
    </rPh>
    <rPh sb="7" eb="9">
      <t>ドボク</t>
    </rPh>
    <phoneticPr fontId="2"/>
  </si>
  <si>
    <t>有限会社　山口水道</t>
    <rPh sb="0" eb="2">
      <t>ユウゲン</t>
    </rPh>
    <rPh sb="2" eb="4">
      <t>カイシャ</t>
    </rPh>
    <phoneticPr fontId="2"/>
  </si>
  <si>
    <t>葉山設備工業　株式会社</t>
    <rPh sb="7" eb="9">
      <t>カブシキ</t>
    </rPh>
    <rPh sb="9" eb="11">
      <t>カイシャ</t>
    </rPh>
    <phoneticPr fontId="2"/>
  </si>
  <si>
    <t>株式会社　今井水道設備</t>
    <rPh sb="0" eb="2">
      <t>カブシキ</t>
    </rPh>
    <rPh sb="2" eb="4">
      <t>カイシャ</t>
    </rPh>
    <phoneticPr fontId="2"/>
  </si>
  <si>
    <t>株式会社　勝栄工業</t>
  </si>
  <si>
    <t>H27</t>
  </si>
  <si>
    <t>東興ジオテック　株式会社　横浜営業所</t>
    <rPh sb="0" eb="2">
      <t>トウコウ</t>
    </rPh>
    <rPh sb="8" eb="10">
      <t>カブシキ</t>
    </rPh>
    <rPh sb="10" eb="12">
      <t>カイシャ</t>
    </rPh>
    <rPh sb="13" eb="15">
      <t>ヨコハマ</t>
    </rPh>
    <rPh sb="14" eb="15">
      <t>ヨコハマ</t>
    </rPh>
    <rPh sb="15" eb="18">
      <t>エイギョウショ</t>
    </rPh>
    <phoneticPr fontId="3"/>
  </si>
  <si>
    <t>株式会社　湘南推進工業</t>
    <rPh sb="0" eb="2">
      <t>カブシキ</t>
    </rPh>
    <rPh sb="2" eb="4">
      <t>カイシャ</t>
    </rPh>
    <rPh sb="5" eb="7">
      <t>ショウナン</t>
    </rPh>
    <rPh sb="7" eb="9">
      <t>スイシン</t>
    </rPh>
    <rPh sb="9" eb="11">
      <t>コウギョウ</t>
    </rPh>
    <phoneticPr fontId="3"/>
  </si>
  <si>
    <t>株式会社　下田組</t>
    <rPh sb="0" eb="2">
      <t>カブシキ</t>
    </rPh>
    <rPh sb="2" eb="4">
      <t>カイシャ</t>
    </rPh>
    <rPh sb="5" eb="7">
      <t>シモダ</t>
    </rPh>
    <rPh sb="7" eb="8">
      <t>クミ</t>
    </rPh>
    <phoneticPr fontId="3"/>
  </si>
  <si>
    <t>増田工業　株式会社</t>
  </si>
  <si>
    <t>株式会社　入内島土建</t>
    <rPh sb="5" eb="8">
      <t>イリウチジマドケン</t>
    </rPh>
    <phoneticPr fontId="0"/>
  </si>
  <si>
    <t>浅岡建設　株式会社</t>
  </si>
  <si>
    <t>株式会社　磯部組</t>
    <rPh sb="5" eb="7">
      <t>イソベ</t>
    </rPh>
    <rPh sb="7" eb="8">
      <t>クミ</t>
    </rPh>
    <phoneticPr fontId="3"/>
  </si>
  <si>
    <t>昇栄工業　株式会社</t>
  </si>
  <si>
    <t>日特建設　株式会社　横浜営業所</t>
  </si>
  <si>
    <t>神奈川県県土整備局優良工事等局長表彰</t>
  </si>
  <si>
    <t>大林・西松・大本　特定建設工事共同企業体</t>
    <rPh sb="0" eb="2">
      <t>オオバヤシ</t>
    </rPh>
    <rPh sb="3" eb="5">
      <t>ニシマツ</t>
    </rPh>
    <phoneticPr fontId="3"/>
  </si>
  <si>
    <t>多摩高校新築工事</t>
  </si>
  <si>
    <t>株式会社　ピーエス三菱　横浜営業所</t>
    <rPh sb="9" eb="11">
      <t>ミツビシ</t>
    </rPh>
    <rPh sb="12" eb="14">
      <t>ヨコハマ</t>
    </rPh>
    <rPh sb="14" eb="17">
      <t>エイギョウショ</t>
    </rPh>
    <phoneticPr fontId="3"/>
  </si>
  <si>
    <t>二級河川引地川河川改修工事</t>
  </si>
  <si>
    <t xml:space="preserve">人の森　株式会社 </t>
  </si>
  <si>
    <t>渡辺組・昭和建設　特定建設工事共同企業体</t>
  </si>
  <si>
    <t>児童自立支援拠点新築工事</t>
  </si>
  <si>
    <t>浦井建設　株式会社 　</t>
    <rPh sb="0" eb="2">
      <t>ウライ</t>
    </rPh>
    <rPh sb="2" eb="4">
      <t>ケンセツ</t>
    </rPh>
    <phoneticPr fontId="3"/>
  </si>
  <si>
    <t>湘山開発　株式会社 　</t>
    <rPh sb="0" eb="1">
      <t>ショウ</t>
    </rPh>
    <rPh sb="1" eb="2">
      <t>サン</t>
    </rPh>
    <rPh sb="2" eb="4">
      <t>カイハツ</t>
    </rPh>
    <phoneticPr fontId="3"/>
  </si>
  <si>
    <t>株式会社　甘利園</t>
    <rPh sb="5" eb="7">
      <t>アマリ</t>
    </rPh>
    <rPh sb="7" eb="8">
      <t>エン</t>
    </rPh>
    <phoneticPr fontId="3"/>
  </si>
  <si>
    <t>有限会社　神谷機材</t>
  </si>
  <si>
    <t>有限会社　三浦組</t>
    <rPh sb="5" eb="8">
      <t>ミウラグミ</t>
    </rPh>
    <phoneticPr fontId="3"/>
  </si>
  <si>
    <t>有限会社　山岸産業　</t>
    <rPh sb="5" eb="7">
      <t>ヤマギシ</t>
    </rPh>
    <rPh sb="7" eb="9">
      <t>サンギョウ</t>
    </rPh>
    <phoneticPr fontId="28"/>
  </si>
  <si>
    <t>有限会社　ブラフマン</t>
  </si>
  <si>
    <t>有限会社　林土木工業</t>
    <rPh sb="5" eb="6">
      <t>ハヤシ</t>
    </rPh>
    <rPh sb="6" eb="8">
      <t>ドボク</t>
    </rPh>
    <rPh sb="8" eb="10">
      <t>コウギョウ</t>
    </rPh>
    <phoneticPr fontId="2"/>
  </si>
  <si>
    <t>株式会社　山善</t>
    <rPh sb="5" eb="7">
      <t>ヤマゼン</t>
    </rPh>
    <phoneticPr fontId="2"/>
  </si>
  <si>
    <t>株式会社　アイビック　横浜支店</t>
    <rPh sb="11" eb="13">
      <t>ヨコハマ</t>
    </rPh>
    <rPh sb="13" eb="15">
      <t>シテン</t>
    </rPh>
    <phoneticPr fontId="2"/>
  </si>
  <si>
    <t>株式会社　山光建設</t>
    <rPh sb="5" eb="6">
      <t>ヤマ</t>
    </rPh>
    <rPh sb="6" eb="7">
      <t>ヒカリ</t>
    </rPh>
    <rPh sb="7" eb="9">
      <t>ケンセツ</t>
    </rPh>
    <phoneticPr fontId="2"/>
  </si>
  <si>
    <t>山一産業　株式会社</t>
    <rPh sb="0" eb="2">
      <t>ヤマイチ</t>
    </rPh>
    <rPh sb="2" eb="4">
      <t>サンギョウ</t>
    </rPh>
    <phoneticPr fontId="2"/>
  </si>
  <si>
    <t>株式会社　坂本建設</t>
    <rPh sb="5" eb="7">
      <t>サカモト</t>
    </rPh>
    <rPh sb="7" eb="9">
      <t>ケンセツ</t>
    </rPh>
    <phoneticPr fontId="2"/>
  </si>
  <si>
    <t>有限会社　梅澤電設</t>
  </si>
  <si>
    <t>株式会社　渡博建設</t>
    <rPh sb="5" eb="6">
      <t>ワタル</t>
    </rPh>
    <rPh sb="6" eb="7">
      <t>ヒロシ</t>
    </rPh>
    <rPh sb="7" eb="9">
      <t>ケンセツ</t>
    </rPh>
    <phoneticPr fontId="2"/>
  </si>
  <si>
    <t>有限会社　三浦組</t>
    <rPh sb="5" eb="7">
      <t>ミウラ</t>
    </rPh>
    <phoneticPr fontId="2"/>
  </si>
  <si>
    <t>株式会社　三秀</t>
    <rPh sb="5" eb="7">
      <t>サンシュウ</t>
    </rPh>
    <phoneticPr fontId="2"/>
  </si>
  <si>
    <t>株式会社　ＵＮＡＩ　ＲＯＡＤ</t>
  </si>
  <si>
    <t>株式会社　ヨシオカ</t>
    <rPh sb="0" eb="2">
      <t>カブシキ</t>
    </rPh>
    <rPh sb="2" eb="4">
      <t>カイシャ</t>
    </rPh>
    <phoneticPr fontId="2"/>
  </si>
  <si>
    <t>西武・新栄重機土木　特定建設工事共同企業体　</t>
    <rPh sb="10" eb="12">
      <t>トクテイ</t>
    </rPh>
    <rPh sb="12" eb="14">
      <t>ケンセツ</t>
    </rPh>
    <rPh sb="14" eb="16">
      <t>コウジ</t>
    </rPh>
    <rPh sb="16" eb="18">
      <t>キョウドウ</t>
    </rPh>
    <rPh sb="18" eb="21">
      <t>キギョウタイ</t>
    </rPh>
    <phoneticPr fontId="21"/>
  </si>
  <si>
    <t>昭和コンクリート工業　株式会社　横浜営業所　</t>
    <rPh sb="0" eb="2">
      <t>ショウワ</t>
    </rPh>
    <rPh sb="8" eb="10">
      <t>コウギョウ</t>
    </rPh>
    <rPh sb="11" eb="13">
      <t>カブシキ</t>
    </rPh>
    <rPh sb="13" eb="15">
      <t>カイシャ</t>
    </rPh>
    <rPh sb="16" eb="18">
      <t>ヨコハマ</t>
    </rPh>
    <rPh sb="18" eb="21">
      <t>エイギョウショ</t>
    </rPh>
    <phoneticPr fontId="25"/>
  </si>
  <si>
    <t>三井住友建設　株式会社　横浜支店</t>
    <rPh sb="0" eb="2">
      <t>ミツイ</t>
    </rPh>
    <rPh sb="2" eb="4">
      <t>スミトモ</t>
    </rPh>
    <rPh sb="4" eb="6">
      <t>ケンセツ</t>
    </rPh>
    <rPh sb="7" eb="9">
      <t>カブシキ</t>
    </rPh>
    <rPh sb="9" eb="11">
      <t>カイシャ</t>
    </rPh>
    <rPh sb="12" eb="14">
      <t>ヨコハマ</t>
    </rPh>
    <rPh sb="14" eb="16">
      <t>シテン</t>
    </rPh>
    <phoneticPr fontId="7"/>
  </si>
  <si>
    <t>あおみ・田中石材土木　特定建設工事共同企業体</t>
    <rPh sb="4" eb="6">
      <t>タナカ</t>
    </rPh>
    <rPh sb="6" eb="8">
      <t>セキザイ</t>
    </rPh>
    <rPh sb="8" eb="10">
      <t>ドボク</t>
    </rPh>
    <rPh sb="11" eb="13">
      <t>トクテイ</t>
    </rPh>
    <rPh sb="13" eb="15">
      <t>ケンセツ</t>
    </rPh>
    <rPh sb="15" eb="17">
      <t>コウジ</t>
    </rPh>
    <rPh sb="17" eb="19">
      <t>キョウドウ</t>
    </rPh>
    <rPh sb="19" eb="22">
      <t>キギョウタイ</t>
    </rPh>
    <phoneticPr fontId="2"/>
  </si>
  <si>
    <t>株式会社　荻野工業</t>
    <rPh sb="0" eb="2">
      <t>カブシキ</t>
    </rPh>
    <rPh sb="2" eb="4">
      <t>カイシャ</t>
    </rPh>
    <rPh sb="5" eb="7">
      <t>オギノ</t>
    </rPh>
    <rPh sb="7" eb="9">
      <t>コウギョウ</t>
    </rPh>
    <phoneticPr fontId="7"/>
  </si>
  <si>
    <t>株式会社　佐野建設</t>
    <rPh sb="0" eb="2">
      <t>カブシキ</t>
    </rPh>
    <rPh sb="2" eb="4">
      <t>カイシャ</t>
    </rPh>
    <rPh sb="5" eb="7">
      <t>サノ</t>
    </rPh>
    <rPh sb="7" eb="9">
      <t>ケンセツ</t>
    </rPh>
    <phoneticPr fontId="7"/>
  </si>
  <si>
    <t>設備等</t>
    <rPh sb="0" eb="2">
      <t>セツビ</t>
    </rPh>
    <rPh sb="2" eb="3">
      <t>トウ</t>
    </rPh>
    <phoneticPr fontId="22"/>
  </si>
  <si>
    <t>建築</t>
    <rPh sb="0" eb="2">
      <t>ケンチク</t>
    </rPh>
    <phoneticPr fontId="22"/>
  </si>
  <si>
    <t>土木</t>
    <rPh sb="0" eb="2">
      <t>ドボク</t>
    </rPh>
    <phoneticPr fontId="22"/>
  </si>
  <si>
    <t>水道</t>
    <rPh sb="0" eb="2">
      <t>スイドウ</t>
    </rPh>
    <phoneticPr fontId="22"/>
  </si>
  <si>
    <t>発注所属名</t>
    <rPh sb="0" eb="2">
      <t>ハッチュウ</t>
    </rPh>
    <rPh sb="2" eb="3">
      <t>トコロ</t>
    </rPh>
    <rPh sb="3" eb="4">
      <t>ゾク</t>
    </rPh>
    <rPh sb="4" eb="5">
      <t>メイ</t>
    </rPh>
    <phoneticPr fontId="2"/>
  </si>
  <si>
    <t>神奈川県優良工事等表彰（知事表彰）</t>
    <rPh sb="0" eb="4">
      <t>カナガワケン</t>
    </rPh>
    <rPh sb="4" eb="6">
      <t>ユウリョウ</t>
    </rPh>
    <rPh sb="6" eb="8">
      <t>コウジ</t>
    </rPh>
    <rPh sb="8" eb="9">
      <t>トウ</t>
    </rPh>
    <rPh sb="9" eb="11">
      <t>ヒョウショウ</t>
    </rPh>
    <rPh sb="12" eb="14">
      <t>チジ</t>
    </rPh>
    <rPh sb="14" eb="15">
      <t>ヒョウ</t>
    </rPh>
    <rPh sb="15" eb="16">
      <t>ショウ</t>
    </rPh>
    <phoneticPr fontId="2"/>
  </si>
  <si>
    <t>公　表　用</t>
    <rPh sb="0" eb="1">
      <t>コウ</t>
    </rPh>
    <rPh sb="2" eb="3">
      <t>オモテ</t>
    </rPh>
    <rPh sb="4" eb="5">
      <t>ヨウ</t>
    </rPh>
    <phoneticPr fontId="25"/>
  </si>
  <si>
    <t>※下表の工事名は、表彰時の工事名を記載しており、契約時の工事名ではありませんので留意してください。</t>
    <rPh sb="1" eb="2">
      <t>シタ</t>
    </rPh>
    <rPh sb="2" eb="3">
      <t>ヒョウ</t>
    </rPh>
    <rPh sb="4" eb="6">
      <t>コウジ</t>
    </rPh>
    <rPh sb="6" eb="7">
      <t>メイ</t>
    </rPh>
    <rPh sb="9" eb="10">
      <t>ヒョウ</t>
    </rPh>
    <rPh sb="10" eb="11">
      <t>ショウ</t>
    </rPh>
    <rPh sb="11" eb="12">
      <t>ジ</t>
    </rPh>
    <rPh sb="13" eb="15">
      <t>コウジ</t>
    </rPh>
    <rPh sb="15" eb="16">
      <t>メイ</t>
    </rPh>
    <rPh sb="24" eb="26">
      <t>ケイヤク</t>
    </rPh>
    <rPh sb="26" eb="27">
      <t>ジ</t>
    </rPh>
    <rPh sb="28" eb="30">
      <t>コウジ</t>
    </rPh>
    <rPh sb="30" eb="31">
      <t>メイ</t>
    </rPh>
    <rPh sb="40" eb="42">
      <t>リュウイ</t>
    </rPh>
    <phoneticPr fontId="25"/>
  </si>
  <si>
    <r>
      <t>※誤りがある場合は、</t>
    </r>
    <r>
      <rPr>
        <b/>
        <sz val="16"/>
        <color indexed="10"/>
        <rFont val="ＭＳ Ｐゴシック"/>
        <family val="3"/>
        <charset val="128"/>
        <scheme val="minor"/>
      </rPr>
      <t>技術管理課技術管理ｸﾞﾙｰﾌﾟに、ご連絡ください。電話番号：045-210-6108（直通）</t>
    </r>
    <rPh sb="1" eb="2">
      <t>アヤマ</t>
    </rPh>
    <rPh sb="6" eb="8">
      <t>バアイ</t>
    </rPh>
    <rPh sb="10" eb="12">
      <t>ギジュツ</t>
    </rPh>
    <rPh sb="12" eb="15">
      <t>カンリカ</t>
    </rPh>
    <rPh sb="15" eb="17">
      <t>ギジュツ</t>
    </rPh>
    <rPh sb="17" eb="19">
      <t>カンリ</t>
    </rPh>
    <rPh sb="28" eb="30">
      <t>レンラク</t>
    </rPh>
    <rPh sb="35" eb="37">
      <t>デンワ</t>
    </rPh>
    <rPh sb="37" eb="39">
      <t>バンゴウ</t>
    </rPh>
    <rPh sb="53" eb="55">
      <t>チョクツウ</t>
    </rPh>
    <phoneticPr fontId="25"/>
  </si>
  <si>
    <t>過去３年間</t>
    <rPh sb="0" eb="2">
      <t>カコ</t>
    </rPh>
    <rPh sb="3" eb="4">
      <t>ネン</t>
    </rPh>
    <rPh sb="4" eb="5">
      <t>カン</t>
    </rPh>
    <phoneticPr fontId="22"/>
  </si>
  <si>
    <t>過去10～４年間</t>
    <rPh sb="0" eb="2">
      <t>カコ</t>
    </rPh>
    <rPh sb="6" eb="8">
      <t>ネンカン</t>
    </rPh>
    <phoneticPr fontId="22"/>
  </si>
  <si>
    <t>年度区分</t>
    <rPh sb="0" eb="2">
      <t>ネンド</t>
    </rPh>
    <rPh sb="2" eb="4">
      <t>クブン</t>
    </rPh>
    <phoneticPr fontId="22"/>
  </si>
  <si>
    <t>優良工事等表彰実績一覧</t>
    <rPh sb="0" eb="2">
      <t>ユウリョウ</t>
    </rPh>
    <rPh sb="2" eb="4">
      <t>コウジ</t>
    </rPh>
    <rPh sb="4" eb="5">
      <t>トウ</t>
    </rPh>
    <rPh sb="5" eb="6">
      <t>ヒョウ</t>
    </rPh>
    <rPh sb="6" eb="7">
      <t>ショウ</t>
    </rPh>
    <rPh sb="7" eb="9">
      <t>ジッセキ</t>
    </rPh>
    <rPh sb="9" eb="11">
      <t>イチラン</t>
    </rPh>
    <phoneticPr fontId="25"/>
  </si>
  <si>
    <t>※本表は、優良工事等表彰の受賞実績及び該当する工事分野を確認するための資料です。</t>
    <rPh sb="1" eb="2">
      <t>ホン</t>
    </rPh>
    <rPh sb="2" eb="3">
      <t>オモテ</t>
    </rPh>
    <rPh sb="5" eb="7">
      <t>ユウリョウ</t>
    </rPh>
    <rPh sb="7" eb="9">
      <t>コウジ</t>
    </rPh>
    <rPh sb="9" eb="10">
      <t>トウ</t>
    </rPh>
    <rPh sb="10" eb="12">
      <t>ヒョウショウ</t>
    </rPh>
    <rPh sb="13" eb="15">
      <t>ジュショウ</t>
    </rPh>
    <rPh sb="15" eb="17">
      <t>ジッセキ</t>
    </rPh>
    <rPh sb="17" eb="18">
      <t>オヨ</t>
    </rPh>
    <rPh sb="19" eb="21">
      <t>ガイトウ</t>
    </rPh>
    <rPh sb="23" eb="25">
      <t>コウジ</t>
    </rPh>
    <rPh sb="25" eb="27">
      <t>ブンヤ</t>
    </rPh>
    <rPh sb="28" eb="30">
      <t>カクニン</t>
    </rPh>
    <rPh sb="35" eb="37">
      <t>シリョウ</t>
    </rPh>
    <phoneticPr fontId="25"/>
  </si>
  <si>
    <t>H30</t>
    <phoneticPr fontId="22"/>
  </si>
  <si>
    <t>宇内建設株式会社</t>
    <rPh sb="0" eb="1">
      <t>ウ</t>
    </rPh>
    <rPh sb="1" eb="2">
      <t>ナイ</t>
    </rPh>
    <rPh sb="2" eb="4">
      <t>ケンセツ</t>
    </rPh>
    <rPh sb="4" eb="8">
      <t>カブシキガイシャ</t>
    </rPh>
    <phoneticPr fontId="36"/>
  </si>
  <si>
    <t>エム・エム　ブリッジ株式会社　横浜営業所　</t>
    <rPh sb="10" eb="14">
      <t>カブシキガイシャ</t>
    </rPh>
    <phoneticPr fontId="29"/>
  </si>
  <si>
    <t>川本・康栄社・相模設備特定建設工事共同企業体　　</t>
  </si>
  <si>
    <t>川本・サノセキ特定建設工事共同企業体</t>
    <rPh sb="0" eb="2">
      <t>カワモト</t>
    </rPh>
    <rPh sb="7" eb="9">
      <t>トクテイ</t>
    </rPh>
    <rPh sb="9" eb="11">
      <t>ケンセツ</t>
    </rPh>
    <rPh sb="11" eb="13">
      <t>コウジ</t>
    </rPh>
    <rPh sb="13" eb="15">
      <t>キョウドウ</t>
    </rPh>
    <rPh sb="15" eb="18">
      <t>キギョウタイ</t>
    </rPh>
    <phoneticPr fontId="3"/>
  </si>
  <si>
    <t>昇栄工業株式会社　</t>
    <rPh sb="4" eb="8">
      <t>カブシキガイシャ</t>
    </rPh>
    <phoneticPr fontId="29"/>
  </si>
  <si>
    <t>タイヨー建設株式会社</t>
    <rPh sb="6" eb="10">
      <t>カブシキガイシャ</t>
    </rPh>
    <phoneticPr fontId="29"/>
  </si>
  <si>
    <t>株式会社　伊達建設</t>
    <rPh sb="0" eb="4">
      <t>カブシキガイシャ</t>
    </rPh>
    <rPh sb="5" eb="7">
      <t>ダテ</t>
    </rPh>
    <rPh sb="7" eb="9">
      <t>ケンセツ</t>
    </rPh>
    <phoneticPr fontId="37"/>
  </si>
  <si>
    <t>東芝インフラシステムズ株式会社　神奈川支店</t>
    <rPh sb="11" eb="15">
      <t>カブシキガイシャ</t>
    </rPh>
    <rPh sb="16" eb="19">
      <t>カナガワ</t>
    </rPh>
    <rPh sb="19" eb="21">
      <t>シテン</t>
    </rPh>
    <phoneticPr fontId="3"/>
  </si>
  <si>
    <t>富士古河Ｅ＆Ｃ株式会社</t>
    <rPh sb="7" eb="11">
      <t>カブシキガイシャ</t>
    </rPh>
    <phoneticPr fontId="3"/>
  </si>
  <si>
    <t>三菱電機プラントエンジニアリング株式会社　神奈川支社</t>
    <rPh sb="16" eb="20">
      <t>カブシキガイシャ</t>
    </rPh>
    <phoneticPr fontId="29"/>
  </si>
  <si>
    <t>土木</t>
  </si>
  <si>
    <t>設備等</t>
    <rPh sb="0" eb="2">
      <t>セツビ</t>
    </rPh>
    <rPh sb="2" eb="3">
      <t>トウ</t>
    </rPh>
    <phoneticPr fontId="22"/>
  </si>
  <si>
    <t>歴史博物館空調設備等改修工事(空調)</t>
  </si>
  <si>
    <t>寒川浄水場特高受変電設備更新工事</t>
  </si>
  <si>
    <t>株式会社　いづみ工事　</t>
    <rPh sb="0" eb="4">
      <t>カブシキガイシャ</t>
    </rPh>
    <rPh sb="8" eb="10">
      <t>コウジ</t>
    </rPh>
    <phoneticPr fontId="36"/>
  </si>
  <si>
    <t>株式会社　加藤工務店</t>
    <rPh sb="0" eb="4">
      <t>カブシキガイシャ</t>
    </rPh>
    <rPh sb="5" eb="7">
      <t>カトウ</t>
    </rPh>
    <rPh sb="7" eb="10">
      <t>コウムテン</t>
    </rPh>
    <phoneticPr fontId="40"/>
  </si>
  <si>
    <t>株式会社　加藤工務店</t>
    <rPh sb="0" eb="4">
      <t>カブシキガイシャ</t>
    </rPh>
    <phoneticPr fontId="29"/>
  </si>
  <si>
    <t>関東緑地土木株式会社</t>
    <rPh sb="0" eb="2">
      <t>カントウ</t>
    </rPh>
    <rPh sb="2" eb="4">
      <t>リョクチ</t>
    </rPh>
    <rPh sb="4" eb="6">
      <t>ドボク</t>
    </rPh>
    <rPh sb="6" eb="10">
      <t>カブシキガイシャ</t>
    </rPh>
    <phoneticPr fontId="39"/>
  </si>
  <si>
    <t>株式会社　新晃産業</t>
    <rPh sb="0" eb="4">
      <t>カブシキガイシャ</t>
    </rPh>
    <rPh sb="5" eb="6">
      <t>シン</t>
    </rPh>
    <rPh sb="6" eb="7">
      <t>アキラ</t>
    </rPh>
    <rPh sb="7" eb="9">
      <t>サンギョウ</t>
    </rPh>
    <phoneticPr fontId="36"/>
  </si>
  <si>
    <t>高崎建設株式会社</t>
    <rPh sb="4" eb="8">
      <t>カブシキガイシャ</t>
    </rPh>
    <phoneticPr fontId="3"/>
  </si>
  <si>
    <t>司建設株式会社</t>
    <rPh sb="0" eb="1">
      <t>ツカサ</t>
    </rPh>
    <rPh sb="1" eb="3">
      <t>ケンセツ</t>
    </rPh>
    <rPh sb="3" eb="7">
      <t>カブシキガイシャ</t>
    </rPh>
    <phoneticPr fontId="40"/>
  </si>
  <si>
    <t>日相建設株式会社</t>
    <rPh sb="0" eb="2">
      <t>ニッソウ</t>
    </rPh>
    <rPh sb="2" eb="4">
      <t>ケンセツ</t>
    </rPh>
    <rPh sb="4" eb="8">
      <t>カブシキガイシャ</t>
    </rPh>
    <phoneticPr fontId="39"/>
  </si>
  <si>
    <t>株式会社　山善</t>
    <rPh sb="0" eb="4">
      <t>カブシキガイシャ</t>
    </rPh>
    <rPh sb="5" eb="7">
      <t>ヤマゼン</t>
    </rPh>
    <phoneticPr fontId="37"/>
  </si>
  <si>
    <t>株式会社　現代建設</t>
    <phoneticPr fontId="3"/>
  </si>
  <si>
    <t>土木</t>
    <phoneticPr fontId="22"/>
  </si>
  <si>
    <t>有限会社　神田組</t>
    <rPh sb="0" eb="4">
      <t>ユウゲンガイシャ</t>
    </rPh>
    <phoneticPr fontId="3"/>
  </si>
  <si>
    <t>株式会社　熊沢工務店</t>
    <rPh sb="0" eb="4">
      <t>カブシキガイシャ</t>
    </rPh>
    <rPh sb="5" eb="7">
      <t>クマザワ</t>
    </rPh>
    <rPh sb="7" eb="10">
      <t>コウムテン</t>
    </rPh>
    <phoneticPr fontId="39"/>
  </si>
  <si>
    <t>恵進建設株式会社</t>
    <rPh sb="4" eb="8">
      <t>カブシキガイシャ</t>
    </rPh>
    <phoneticPr fontId="3"/>
  </si>
  <si>
    <t>株式会社　ケンソー設備</t>
    <rPh sb="0" eb="4">
      <t>カブシキガイシャ</t>
    </rPh>
    <phoneticPr fontId="3"/>
  </si>
  <si>
    <t>有限会社　幸和</t>
    <rPh sb="0" eb="4">
      <t>ユウゲンガイシャ</t>
    </rPh>
    <rPh sb="5" eb="7">
      <t>ユキカズ</t>
    </rPh>
    <rPh sb="6" eb="7">
      <t>ワ</t>
    </rPh>
    <phoneticPr fontId="29"/>
  </si>
  <si>
    <t>有限会社　三田工業</t>
    <rPh sb="0" eb="4">
      <t>ユウゲンガイシャ</t>
    </rPh>
    <phoneticPr fontId="3"/>
  </si>
  <si>
    <t>株式会社　新幸建設</t>
    <rPh sb="0" eb="4">
      <t>カブシキガイシャ</t>
    </rPh>
    <rPh sb="5" eb="6">
      <t>シン</t>
    </rPh>
    <rPh sb="6" eb="7">
      <t>サイワ</t>
    </rPh>
    <rPh sb="7" eb="9">
      <t>ケンセツ</t>
    </rPh>
    <phoneticPr fontId="3"/>
  </si>
  <si>
    <t>鉄建基礎株式会社</t>
    <rPh sb="4" eb="8">
      <t>カブシキガイシャ</t>
    </rPh>
    <phoneticPr fontId="3"/>
  </si>
  <si>
    <t>磐梯建設株式会社</t>
    <rPh sb="4" eb="8">
      <t>カブシキガイシャ</t>
    </rPh>
    <phoneticPr fontId="3"/>
  </si>
  <si>
    <t>日髙建設株式会社</t>
    <rPh sb="4" eb="8">
      <t>カブシキガイシャ</t>
    </rPh>
    <phoneticPr fontId="29"/>
  </si>
  <si>
    <t>相模原市緑区中野42番地付近配水管改良工事</t>
  </si>
  <si>
    <t>建築</t>
    <rPh sb="0" eb="2">
      <t>ケンチク</t>
    </rPh>
    <phoneticPr fontId="22"/>
  </si>
  <si>
    <t>水道</t>
    <rPh sb="0" eb="2">
      <t>スイドウ</t>
    </rPh>
    <phoneticPr fontId="22"/>
  </si>
  <si>
    <t>研空・鹿島環境特定建設工事共同企業体</t>
    <rPh sb="0" eb="1">
      <t>ケン</t>
    </rPh>
    <rPh sb="1" eb="2">
      <t>クウ</t>
    </rPh>
    <rPh sb="3" eb="5">
      <t>カジマ</t>
    </rPh>
    <rPh sb="5" eb="7">
      <t>カンキョウ</t>
    </rPh>
    <rPh sb="7" eb="9">
      <t>トクテイ</t>
    </rPh>
    <rPh sb="9" eb="11">
      <t>ケンセツ</t>
    </rPh>
    <rPh sb="11" eb="13">
      <t>コウジ</t>
    </rPh>
    <rPh sb="13" eb="15">
      <t>キョウドウ</t>
    </rPh>
    <rPh sb="15" eb="18">
      <t>キギョウタイ</t>
    </rPh>
    <phoneticPr fontId="3"/>
  </si>
  <si>
    <t>本庁舎空調設備改修工事（その１）</t>
    <rPh sb="0" eb="3">
      <t>ホンチョウシャ</t>
    </rPh>
    <rPh sb="3" eb="5">
      <t>クウチョウ</t>
    </rPh>
    <rPh sb="5" eb="7">
      <t>セツビ</t>
    </rPh>
    <rPh sb="7" eb="9">
      <t>カイシュウ</t>
    </rPh>
    <rPh sb="9" eb="11">
      <t>コウジ</t>
    </rPh>
    <phoneticPr fontId="3"/>
  </si>
  <si>
    <t>有限会社　小島組</t>
    <rPh sb="0" eb="4">
      <t>ユウゲンガイシャ</t>
    </rPh>
    <phoneticPr fontId="3"/>
  </si>
  <si>
    <t>相模原市緑区中野184番地付近配水管改良工事</t>
  </si>
  <si>
    <t>株式会社　和孝</t>
    <rPh sb="0" eb="4">
      <t>カブシキガイシャ</t>
    </rPh>
    <phoneticPr fontId="3"/>
  </si>
  <si>
    <t>相模原市南区北里地内配水管改良工事</t>
    <rPh sb="8" eb="9">
      <t>チ</t>
    </rPh>
    <rPh sb="9" eb="10">
      <t>ナイ</t>
    </rPh>
    <phoneticPr fontId="39"/>
  </si>
  <si>
    <t>県道77号交通安全施設等整備工事</t>
    <phoneticPr fontId="25"/>
  </si>
  <si>
    <t>かながわ県民センター改修工事(衛生)</t>
  </si>
  <si>
    <t>導流堤改修工事</t>
    <rPh sb="0" eb="1">
      <t>ドウ</t>
    </rPh>
    <rPh sb="1" eb="2">
      <t>リュウ</t>
    </rPh>
    <rPh sb="2" eb="3">
      <t>ツツミ</t>
    </rPh>
    <rPh sb="3" eb="5">
      <t>カイシュウ</t>
    </rPh>
    <rPh sb="5" eb="7">
      <t>コウジ</t>
    </rPh>
    <phoneticPr fontId="25"/>
  </si>
  <si>
    <t>県道212号(久里浜港)道路補修工事</t>
    <phoneticPr fontId="25"/>
  </si>
  <si>
    <t>県道26号(横須賀三崎)道路改良工事</t>
    <phoneticPr fontId="25"/>
  </si>
  <si>
    <t>県道47号神川橋橋脚補強工事</t>
    <rPh sb="0" eb="2">
      <t>ケンドウ</t>
    </rPh>
    <rPh sb="4" eb="5">
      <t>ゴウ</t>
    </rPh>
    <rPh sb="5" eb="8">
      <t>カミカワハシ</t>
    </rPh>
    <rPh sb="8" eb="9">
      <t>バシ</t>
    </rPh>
    <rPh sb="9" eb="10">
      <t>アシ</t>
    </rPh>
    <rPh sb="10" eb="11">
      <t>ホ</t>
    </rPh>
    <rPh sb="11" eb="12">
      <t>キョウ</t>
    </rPh>
    <rPh sb="12" eb="14">
      <t>コウジ</t>
    </rPh>
    <phoneticPr fontId="25"/>
  </si>
  <si>
    <t>酒匂川流域下水道右岸処理場中央監視設備改築工事</t>
    <rPh sb="0" eb="2">
      <t>サカワ</t>
    </rPh>
    <rPh sb="2" eb="3">
      <t>ガワ</t>
    </rPh>
    <rPh sb="3" eb="5">
      <t>リュウイキ</t>
    </rPh>
    <rPh sb="5" eb="8">
      <t>ゲスイドウ</t>
    </rPh>
    <rPh sb="8" eb="10">
      <t>ウガン</t>
    </rPh>
    <rPh sb="10" eb="13">
      <t>ショリジョウ</t>
    </rPh>
    <rPh sb="13" eb="15">
      <t>チュウオウ</t>
    </rPh>
    <rPh sb="15" eb="17">
      <t>カンシ</t>
    </rPh>
    <rPh sb="17" eb="19">
      <t>セツビ</t>
    </rPh>
    <rPh sb="19" eb="21">
      <t>カイチク</t>
    </rPh>
    <rPh sb="21" eb="23">
      <t>コウジ</t>
    </rPh>
    <phoneticPr fontId="25"/>
  </si>
  <si>
    <t>株式会社　エス・ケイ・ディ</t>
    <rPh sb="0" eb="4">
      <t>カブシキガイシャ</t>
    </rPh>
    <phoneticPr fontId="41"/>
  </si>
  <si>
    <t>株式会社　康栄社　</t>
    <rPh sb="0" eb="4">
      <t>カブシキガイシャ</t>
    </rPh>
    <phoneticPr fontId="29"/>
  </si>
  <si>
    <t>株式会社　鈴木組</t>
    <rPh sb="0" eb="4">
      <t>カブシキガイシャ</t>
    </rPh>
    <rPh sb="5" eb="8">
      <t>スズキグミ</t>
    </rPh>
    <phoneticPr fontId="29"/>
  </si>
  <si>
    <t>株式会社　花和産業</t>
    <rPh sb="0" eb="4">
      <t>カブシキガイシャ</t>
    </rPh>
    <rPh sb="5" eb="7">
      <t>ハナワ</t>
    </rPh>
    <rPh sb="7" eb="9">
      <t>サンギョウ</t>
    </rPh>
    <phoneticPr fontId="36"/>
  </si>
  <si>
    <t>有限会社　林土木工業</t>
    <rPh sb="0" eb="4">
      <t>ユウゲンガイシャ</t>
    </rPh>
    <rPh sb="5" eb="6">
      <t>ハヤシ</t>
    </rPh>
    <rPh sb="6" eb="8">
      <t>ドボク</t>
    </rPh>
    <rPh sb="8" eb="10">
      <t>コウギョウ</t>
    </rPh>
    <phoneticPr fontId="36"/>
  </si>
  <si>
    <t>増田工業株式会社</t>
    <rPh sb="0" eb="2">
      <t>マスダ</t>
    </rPh>
    <rPh sb="2" eb="4">
      <t>コウギョウ</t>
    </rPh>
    <rPh sb="4" eb="8">
      <t>カブシキガイシャ</t>
    </rPh>
    <phoneticPr fontId="29"/>
  </si>
  <si>
    <t>株式会社　安川電機　横浜営業所</t>
    <rPh sb="0" eb="4">
      <t>カブシキガイシャ</t>
    </rPh>
    <rPh sb="5" eb="7">
      <t>ヤスカワ</t>
    </rPh>
    <rPh sb="7" eb="9">
      <t>デンキ</t>
    </rPh>
    <rPh sb="10" eb="12">
      <t>ヨコハマ</t>
    </rPh>
    <rPh sb="12" eb="15">
      <t>エイギョウショ</t>
    </rPh>
    <phoneticPr fontId="42"/>
  </si>
  <si>
    <t>土木</t>
    <phoneticPr fontId="22"/>
  </si>
  <si>
    <t>株式会社　アウラ・シーイー</t>
    <rPh sb="0" eb="4">
      <t>カブシキガイシャ</t>
    </rPh>
    <phoneticPr fontId="39"/>
  </si>
  <si>
    <t>東建設株式会社</t>
    <rPh sb="3" eb="7">
      <t>カブシキガイシャ</t>
    </rPh>
    <phoneticPr fontId="42"/>
  </si>
  <si>
    <t>大塚冷暖房　株式会社</t>
    <rPh sb="0" eb="2">
      <t>オオツカ</t>
    </rPh>
    <rPh sb="2" eb="5">
      <t>レイダンボウ</t>
    </rPh>
    <rPh sb="6" eb="10">
      <t>カブシキガイシャ</t>
    </rPh>
    <phoneticPr fontId="42"/>
  </si>
  <si>
    <t>有限会社　大畠工務店</t>
    <rPh sb="0" eb="4">
      <t>ユウゲンガイシャ</t>
    </rPh>
    <phoneticPr fontId="29"/>
  </si>
  <si>
    <t>株式会社　尾崎建設</t>
    <rPh sb="0" eb="4">
      <t>カブシキガイシャ</t>
    </rPh>
    <rPh sb="5" eb="7">
      <t>オザキ</t>
    </rPh>
    <rPh sb="7" eb="9">
      <t>ケンセツ</t>
    </rPh>
    <phoneticPr fontId="29"/>
  </si>
  <si>
    <t>根岸町地区急傾斜地崩壊対策工事</t>
  </si>
  <si>
    <t>県道24号(横須賀逗子)道路補修工事</t>
    <phoneticPr fontId="25"/>
  </si>
  <si>
    <t>相模川流域下水道右岸処理場電気室空調設備設置工事</t>
    <rPh sb="0" eb="2">
      <t>サガミ</t>
    </rPh>
    <rPh sb="2" eb="3">
      <t>ガワ</t>
    </rPh>
    <rPh sb="3" eb="5">
      <t>リュウイキ</t>
    </rPh>
    <rPh sb="5" eb="8">
      <t>ゲスイドウ</t>
    </rPh>
    <rPh sb="8" eb="13">
      <t>ウガンショリジョウ</t>
    </rPh>
    <rPh sb="13" eb="15">
      <t>デンキ</t>
    </rPh>
    <rPh sb="15" eb="16">
      <t>シツ</t>
    </rPh>
    <rPh sb="16" eb="18">
      <t>クウチョウ</t>
    </rPh>
    <rPh sb="18" eb="20">
      <t>セツビ</t>
    </rPh>
    <rPh sb="20" eb="22">
      <t>セッチ</t>
    </rPh>
    <rPh sb="22" eb="24">
      <t>コウジ</t>
    </rPh>
    <phoneticPr fontId="25"/>
  </si>
  <si>
    <t>石橋道路補修工事</t>
    <rPh sb="0" eb="2">
      <t>イシバシ</t>
    </rPh>
    <rPh sb="2" eb="4">
      <t>ドウロ</t>
    </rPh>
    <rPh sb="4" eb="6">
      <t>ホシュウ</t>
    </rPh>
    <rPh sb="6" eb="8">
      <t>コウジ</t>
    </rPh>
    <phoneticPr fontId="25"/>
  </si>
  <si>
    <t>国道129号道路補修工事</t>
    <rPh sb="0" eb="2">
      <t>コクドウ</t>
    </rPh>
    <rPh sb="5" eb="6">
      <t>ゴウ</t>
    </rPh>
    <rPh sb="6" eb="8">
      <t>ドウロ</t>
    </rPh>
    <rPh sb="8" eb="12">
      <t>ホシュウコウジ</t>
    </rPh>
    <phoneticPr fontId="25"/>
  </si>
  <si>
    <t>佐藤建設株式会社</t>
    <rPh sb="0" eb="2">
      <t>サトウ</t>
    </rPh>
    <rPh sb="2" eb="4">
      <t>ケンセツ</t>
    </rPh>
    <rPh sb="4" eb="8">
      <t>カブシキガイシャ</t>
    </rPh>
    <phoneticPr fontId="25"/>
  </si>
  <si>
    <t>有限会社　下里建設</t>
    <rPh sb="0" eb="4">
      <t>ユウゲンガイシャ</t>
    </rPh>
    <rPh sb="5" eb="7">
      <t>シモサト</t>
    </rPh>
    <rPh sb="7" eb="9">
      <t>ケンセツ</t>
    </rPh>
    <phoneticPr fontId="36"/>
  </si>
  <si>
    <t>株式会社　成和</t>
    <rPh sb="0" eb="4">
      <t>カブシキガイシャ</t>
    </rPh>
    <rPh sb="5" eb="7">
      <t>セイワ</t>
    </rPh>
    <phoneticPr fontId="29"/>
  </si>
  <si>
    <t>株式会社　日東建設</t>
    <rPh sb="0" eb="4">
      <t>カブシキガイシャ</t>
    </rPh>
    <rPh sb="5" eb="6">
      <t>ニチ</t>
    </rPh>
    <rPh sb="6" eb="7">
      <t>ヒガシ</t>
    </rPh>
    <rPh sb="7" eb="9">
      <t>ケンセツ</t>
    </rPh>
    <phoneticPr fontId="29"/>
  </si>
  <si>
    <t>株式会社　水野建設</t>
    <rPh sb="0" eb="4">
      <t>カブシキガイシャ</t>
    </rPh>
    <rPh sb="5" eb="7">
      <t>ミズノ</t>
    </rPh>
    <rPh sb="7" eb="9">
      <t>ケンセツ</t>
    </rPh>
    <phoneticPr fontId="29"/>
  </si>
  <si>
    <t>ミツワ建設株式会社</t>
    <rPh sb="3" eb="5">
      <t>ケンセツ</t>
    </rPh>
    <rPh sb="5" eb="9">
      <t>カブシキガイシャ</t>
    </rPh>
    <phoneticPr fontId="38"/>
  </si>
  <si>
    <t>有限会社　頼住建設</t>
    <rPh sb="0" eb="4">
      <t>ユウゲンガイシャ</t>
    </rPh>
    <rPh sb="5" eb="6">
      <t>タヨ</t>
    </rPh>
    <rPh sb="6" eb="7">
      <t>ス</t>
    </rPh>
    <rPh sb="7" eb="9">
      <t>ケンセツ</t>
    </rPh>
    <phoneticPr fontId="29"/>
  </si>
  <si>
    <t>国道129号戸田立体舗装工事</t>
    <rPh sb="0" eb="2">
      <t>コクドウ</t>
    </rPh>
    <rPh sb="5" eb="6">
      <t>ゴウ</t>
    </rPh>
    <rPh sb="6" eb="8">
      <t>トダ</t>
    </rPh>
    <rPh sb="8" eb="10">
      <t>リッタイ</t>
    </rPh>
    <rPh sb="10" eb="12">
      <t>ホソウ</t>
    </rPh>
    <rPh sb="12" eb="14">
      <t>コウジ</t>
    </rPh>
    <phoneticPr fontId="25"/>
  </si>
  <si>
    <t>小坪１丁目Ａ地区急傾斜地崩壊対策工事</t>
    <rPh sb="6" eb="8">
      <t>チク</t>
    </rPh>
    <phoneticPr fontId="25"/>
  </si>
  <si>
    <t>県道22号(横浜伊勢原)歩道整備工事</t>
    <rPh sb="12" eb="18">
      <t>ホドウセイビコウジ</t>
    </rPh>
    <phoneticPr fontId="25"/>
  </si>
  <si>
    <t>県道62号道路補修工事</t>
    <rPh sb="0" eb="2">
      <t>ケンドウ</t>
    </rPh>
    <rPh sb="4" eb="5">
      <t>ゴウ</t>
    </rPh>
    <rPh sb="5" eb="7">
      <t>ドウロ</t>
    </rPh>
    <rPh sb="7" eb="9">
      <t>ホシュウ</t>
    </rPh>
    <rPh sb="9" eb="11">
      <t>コウジ</t>
    </rPh>
    <phoneticPr fontId="25"/>
  </si>
  <si>
    <t>地方港湾葉山港ボートヤード・緑地整備工事</t>
    <rPh sb="14" eb="16">
      <t>リョクチ</t>
    </rPh>
    <phoneticPr fontId="25"/>
  </si>
  <si>
    <t>一級河川相模川堤防舗装工事</t>
    <rPh sb="0" eb="2">
      <t>イッキュウ</t>
    </rPh>
    <rPh sb="2" eb="4">
      <t>カセン</t>
    </rPh>
    <rPh sb="4" eb="6">
      <t>サガミ</t>
    </rPh>
    <rPh sb="6" eb="7">
      <t>ガワ</t>
    </rPh>
    <rPh sb="7" eb="9">
      <t>テイボウ</t>
    </rPh>
    <rPh sb="9" eb="11">
      <t>ホソウ</t>
    </rPh>
    <rPh sb="11" eb="13">
      <t>コウジ</t>
    </rPh>
    <phoneticPr fontId="25"/>
  </si>
  <si>
    <t>株式会社　ＴＡＫ</t>
    <rPh sb="0" eb="4">
      <t>カブシキガイシャ</t>
    </rPh>
    <phoneticPr fontId="25"/>
  </si>
  <si>
    <t>成井土建株式会社</t>
    <rPh sb="0" eb="2">
      <t>ナルイ</t>
    </rPh>
    <rPh sb="2" eb="4">
      <t>ドケン</t>
    </rPh>
    <rPh sb="4" eb="8">
      <t>カブシキガイシャ</t>
    </rPh>
    <phoneticPr fontId="29"/>
  </si>
  <si>
    <t>国道129号戸田立体大型案内標識設置工事</t>
    <rPh sb="0" eb="2">
      <t>コクドウ</t>
    </rPh>
    <rPh sb="5" eb="6">
      <t>ゴウ</t>
    </rPh>
    <rPh sb="6" eb="8">
      <t>トダ</t>
    </rPh>
    <rPh sb="8" eb="10">
      <t>リッタイ</t>
    </rPh>
    <rPh sb="10" eb="12">
      <t>オオガタ</t>
    </rPh>
    <rPh sb="12" eb="14">
      <t>アンナイ</t>
    </rPh>
    <rPh sb="14" eb="16">
      <t>ヒョウシキ</t>
    </rPh>
    <rPh sb="16" eb="18">
      <t>セッチ</t>
    </rPh>
    <phoneticPr fontId="25"/>
  </si>
  <si>
    <t>大塚下地区法枠工事</t>
    <rPh sb="0" eb="2">
      <t>オオツカ</t>
    </rPh>
    <rPh sb="2" eb="3">
      <t>シタ</t>
    </rPh>
    <rPh sb="3" eb="5">
      <t>チク</t>
    </rPh>
    <rPh sb="5" eb="7">
      <t>ノリワク</t>
    </rPh>
    <rPh sb="7" eb="8">
      <t>コウ</t>
    </rPh>
    <rPh sb="8" eb="9">
      <t>ジ</t>
    </rPh>
    <phoneticPr fontId="25"/>
  </si>
  <si>
    <t>三浦縦貫道路Ⅱ期道路改良工事</t>
    <rPh sb="8" eb="10">
      <t>ドウロ</t>
    </rPh>
    <rPh sb="10" eb="12">
      <t>カイリョウ</t>
    </rPh>
    <rPh sb="12" eb="14">
      <t>コウジ</t>
    </rPh>
    <phoneticPr fontId="38"/>
  </si>
  <si>
    <t>主要地方道相模原愛川馬渡橋新設(上部工)工事</t>
    <phoneticPr fontId="36"/>
  </si>
  <si>
    <t>本庁舎空調設備改修工事(その２)</t>
    <phoneticPr fontId="3"/>
  </si>
  <si>
    <t>釜利谷南４丁目地区他急傾斜地崩壊対策工事</t>
    <rPh sb="0" eb="3">
      <t>カマリヤ</t>
    </rPh>
    <rPh sb="3" eb="4">
      <t>ミナミ</t>
    </rPh>
    <rPh sb="5" eb="7">
      <t>チョウメ</t>
    </rPh>
    <rPh sb="7" eb="9">
      <t>チク</t>
    </rPh>
    <rPh sb="9" eb="10">
      <t>ホカ</t>
    </rPh>
    <rPh sb="10" eb="11">
      <t>キュウ</t>
    </rPh>
    <rPh sb="11" eb="14">
      <t>ケイシャチ</t>
    </rPh>
    <rPh sb="14" eb="16">
      <t>ホウカイ</t>
    </rPh>
    <rPh sb="16" eb="18">
      <t>タイサク</t>
    </rPh>
    <rPh sb="18" eb="20">
      <t>コウジ</t>
    </rPh>
    <phoneticPr fontId="3"/>
  </si>
  <si>
    <t>二級河川引地川河川改修工事</t>
    <rPh sb="7" eb="9">
      <t>カセン</t>
    </rPh>
    <rPh sb="9" eb="11">
      <t>カイシュウ</t>
    </rPh>
    <phoneticPr fontId="25"/>
  </si>
  <si>
    <t>国道129号新東名高速道路厚木南ＩＣ接続区間軽量盛土工事</t>
    <rPh sb="0" eb="2">
      <t>コクドウ</t>
    </rPh>
    <rPh sb="5" eb="6">
      <t>ゴウ</t>
    </rPh>
    <rPh sb="6" eb="7">
      <t>シン</t>
    </rPh>
    <rPh sb="7" eb="9">
      <t>トウメイ</t>
    </rPh>
    <rPh sb="9" eb="11">
      <t>コウソク</t>
    </rPh>
    <rPh sb="11" eb="13">
      <t>ドウロ</t>
    </rPh>
    <rPh sb="13" eb="15">
      <t>アツギ</t>
    </rPh>
    <rPh sb="15" eb="16">
      <t>ミナミ</t>
    </rPh>
    <rPh sb="18" eb="20">
      <t>セツゾク</t>
    </rPh>
    <rPh sb="20" eb="22">
      <t>クカン</t>
    </rPh>
    <rPh sb="22" eb="24">
      <t>ケイリョウ</t>
    </rPh>
    <rPh sb="24" eb="26">
      <t>モリド</t>
    </rPh>
    <rPh sb="26" eb="28">
      <t>コウジ</t>
    </rPh>
    <phoneticPr fontId="25"/>
  </si>
  <si>
    <t>早戸川発電所水車発電設備設置工事</t>
  </si>
  <si>
    <t>県立保土ケ谷公園硬式野球場スコアボード改修工事</t>
    <rPh sb="0" eb="2">
      <t>ケンリツ</t>
    </rPh>
    <rPh sb="2" eb="6">
      <t>ホドガヤ</t>
    </rPh>
    <rPh sb="6" eb="8">
      <t>コウエン</t>
    </rPh>
    <rPh sb="8" eb="10">
      <t>コウシキ</t>
    </rPh>
    <rPh sb="10" eb="12">
      <t>ヤキュウ</t>
    </rPh>
    <rPh sb="12" eb="13">
      <t>ジョウ</t>
    </rPh>
    <rPh sb="19" eb="21">
      <t>カイシュウ</t>
    </rPh>
    <rPh sb="21" eb="23">
      <t>コウジ</t>
    </rPh>
    <phoneticPr fontId="25"/>
  </si>
  <si>
    <t>県道711号松田惣領地内歩道整備及び電線地中化推進工事</t>
    <rPh sb="0" eb="2">
      <t>ケンドウ</t>
    </rPh>
    <rPh sb="5" eb="6">
      <t>ゴウ</t>
    </rPh>
    <rPh sb="6" eb="8">
      <t>マツダ</t>
    </rPh>
    <rPh sb="8" eb="10">
      <t>ソウリョウ</t>
    </rPh>
    <rPh sb="10" eb="11">
      <t>チ</t>
    </rPh>
    <rPh sb="11" eb="12">
      <t>ナイ</t>
    </rPh>
    <rPh sb="12" eb="14">
      <t>ホドウ</t>
    </rPh>
    <rPh sb="14" eb="16">
      <t>セイビ</t>
    </rPh>
    <rPh sb="16" eb="17">
      <t>オヨ</t>
    </rPh>
    <rPh sb="18" eb="20">
      <t>デンセン</t>
    </rPh>
    <rPh sb="20" eb="23">
      <t>チチュウカ</t>
    </rPh>
    <rPh sb="23" eb="25">
      <t>スイシン</t>
    </rPh>
    <rPh sb="25" eb="27">
      <t>コウジ</t>
    </rPh>
    <phoneticPr fontId="25"/>
  </si>
  <si>
    <t>都市計画道路腰越大船線大船立体整備工事</t>
    <rPh sb="0" eb="2">
      <t>トシ</t>
    </rPh>
    <rPh sb="2" eb="4">
      <t>ケイカク</t>
    </rPh>
    <rPh sb="4" eb="6">
      <t>ドウロ</t>
    </rPh>
    <rPh sb="6" eb="8">
      <t>コシゴエ</t>
    </rPh>
    <rPh sb="8" eb="10">
      <t>オオフナ</t>
    </rPh>
    <rPh sb="10" eb="11">
      <t>セン</t>
    </rPh>
    <rPh sb="11" eb="13">
      <t>オオフナ</t>
    </rPh>
    <rPh sb="13" eb="15">
      <t>リッタイ</t>
    </rPh>
    <rPh sb="15" eb="17">
      <t>セイビ</t>
    </rPh>
    <rPh sb="17" eb="19">
      <t>コウジ</t>
    </rPh>
    <phoneticPr fontId="25"/>
  </si>
  <si>
    <t>都市計画道路相模原二ツ塚線街路整備工事</t>
    <rPh sb="0" eb="2">
      <t>トシ</t>
    </rPh>
    <rPh sb="2" eb="4">
      <t>ケイカク</t>
    </rPh>
    <rPh sb="4" eb="6">
      <t>ドウロ</t>
    </rPh>
    <rPh sb="6" eb="9">
      <t>サガミハラ</t>
    </rPh>
    <rPh sb="9" eb="10">
      <t>フタ</t>
    </rPh>
    <rPh sb="11" eb="12">
      <t>ヅカ</t>
    </rPh>
    <rPh sb="12" eb="13">
      <t>セン</t>
    </rPh>
    <rPh sb="13" eb="15">
      <t>ガイロ</t>
    </rPh>
    <rPh sb="15" eb="17">
      <t>セイビ</t>
    </rPh>
    <rPh sb="17" eb="19">
      <t>コウジ</t>
    </rPh>
    <phoneticPr fontId="25"/>
  </si>
  <si>
    <t>相模川左岸幹線用水路高田伏越管路更生工事</t>
    <rPh sb="0" eb="3">
      <t>サガミガワ</t>
    </rPh>
    <rPh sb="3" eb="5">
      <t>サガン</t>
    </rPh>
    <rPh sb="5" eb="7">
      <t>カンセン</t>
    </rPh>
    <rPh sb="7" eb="10">
      <t>ヨウスイロ</t>
    </rPh>
    <rPh sb="10" eb="12">
      <t>タカダ</t>
    </rPh>
    <rPh sb="12" eb="13">
      <t>フ</t>
    </rPh>
    <rPh sb="13" eb="14">
      <t>コシ</t>
    </rPh>
    <rPh sb="14" eb="16">
      <t>カンロ</t>
    </rPh>
    <rPh sb="16" eb="18">
      <t>コウセイ</t>
    </rPh>
    <rPh sb="18" eb="20">
      <t>コウジ</t>
    </rPh>
    <phoneticPr fontId="3"/>
  </si>
  <si>
    <t>都市計画道路安浦下浦線街路整備工事</t>
  </si>
  <si>
    <t>早戸川発電所土木設備設置工事</t>
  </si>
  <si>
    <t>米神地区越波対策工事</t>
    <rPh sb="0" eb="2">
      <t>コメカミ</t>
    </rPh>
    <rPh sb="2" eb="4">
      <t>チク</t>
    </rPh>
    <rPh sb="4" eb="6">
      <t>エッパ</t>
    </rPh>
    <rPh sb="6" eb="8">
      <t>タイサク</t>
    </rPh>
    <rPh sb="8" eb="10">
      <t>コウジ</t>
    </rPh>
    <phoneticPr fontId="25"/>
  </si>
  <si>
    <t>アビコ沢砂防堰堤工事</t>
    <rPh sb="3" eb="4">
      <t>サワ</t>
    </rPh>
    <rPh sb="4" eb="6">
      <t>サボウ</t>
    </rPh>
    <rPh sb="6" eb="8">
      <t>エンテイ</t>
    </rPh>
    <rPh sb="8" eb="10">
      <t>コウジ</t>
    </rPh>
    <phoneticPr fontId="25"/>
  </si>
  <si>
    <t>二宮町二宮地内配水管改良工事</t>
    <rPh sb="5" eb="6">
      <t>チ</t>
    </rPh>
    <rPh sb="6" eb="7">
      <t>ナイ</t>
    </rPh>
    <phoneticPr fontId="39"/>
  </si>
  <si>
    <t>栄町三丁目電線地中化工事</t>
    <rPh sb="0" eb="5">
      <t>サカエチョウサンチョウメ</t>
    </rPh>
    <rPh sb="5" eb="7">
      <t>デンセン</t>
    </rPh>
    <rPh sb="7" eb="10">
      <t>チチュウカ</t>
    </rPh>
    <rPh sb="10" eb="12">
      <t>コウジ</t>
    </rPh>
    <phoneticPr fontId="25"/>
  </si>
  <si>
    <t>三崎漁港整備事業本港泊地他機能保全工事</t>
    <phoneticPr fontId="25"/>
  </si>
  <si>
    <t>厚木市下古沢地内配水管改良工事</t>
    <rPh sb="6" eb="7">
      <t>チ</t>
    </rPh>
    <rPh sb="7" eb="8">
      <t>ナイ</t>
    </rPh>
    <phoneticPr fontId="39"/>
  </si>
  <si>
    <t>山際Ｂ地区法枠工事</t>
    <rPh sb="0" eb="2">
      <t>ヤマギワ</t>
    </rPh>
    <rPh sb="3" eb="5">
      <t>チク</t>
    </rPh>
    <rPh sb="5" eb="7">
      <t>ノリワク</t>
    </rPh>
    <rPh sb="7" eb="8">
      <t>コウ</t>
    </rPh>
    <rPh sb="8" eb="9">
      <t>ジ</t>
    </rPh>
    <phoneticPr fontId="25"/>
  </si>
  <si>
    <t>愛川町中津地内配水管改良工事</t>
    <rPh sb="5" eb="6">
      <t>チ</t>
    </rPh>
    <rPh sb="6" eb="7">
      <t>ナイ</t>
    </rPh>
    <phoneticPr fontId="39"/>
  </si>
  <si>
    <t>逗子警察署庁舎耐震補強等工事</t>
    <rPh sb="0" eb="5">
      <t>ズシケイサツショ</t>
    </rPh>
    <rPh sb="5" eb="7">
      <t>チョウシャ</t>
    </rPh>
    <rPh sb="7" eb="14">
      <t>タイシンホキョウトウコウジ</t>
    </rPh>
    <phoneticPr fontId="25"/>
  </si>
  <si>
    <t>茅ヶ崎市香川１丁目地内配水管改良工事</t>
    <rPh sb="9" eb="10">
      <t>チ</t>
    </rPh>
    <rPh sb="10" eb="11">
      <t>ナイ</t>
    </rPh>
    <phoneticPr fontId="39"/>
  </si>
  <si>
    <t>国道134号擁壁改修工事</t>
    <rPh sb="0" eb="2">
      <t>コクドウ</t>
    </rPh>
    <rPh sb="5" eb="6">
      <t>ゴウ</t>
    </rPh>
    <rPh sb="6" eb="8">
      <t>ヨウヘキ</t>
    </rPh>
    <rPh sb="8" eb="10">
      <t>カイシュウ</t>
    </rPh>
    <rPh sb="10" eb="12">
      <t>コウジ</t>
    </rPh>
    <phoneticPr fontId="25"/>
  </si>
  <si>
    <t>株式会社　稲元興業</t>
    <rPh sb="0" eb="4">
      <t>カブシキガイシャ</t>
    </rPh>
    <rPh sb="5" eb="7">
      <t>イナモト</t>
    </rPh>
    <rPh sb="7" eb="9">
      <t>コウギョウ</t>
    </rPh>
    <phoneticPr fontId="27"/>
  </si>
  <si>
    <t>神奈川県優良工事等表彰（知事表彰）</t>
    <rPh sb="0" eb="4">
      <t>カナガワケン</t>
    </rPh>
    <rPh sb="4" eb="6">
      <t>ユウリョウ</t>
    </rPh>
    <rPh sb="6" eb="8">
      <t>コウジ</t>
    </rPh>
    <rPh sb="8" eb="9">
      <t>トウ</t>
    </rPh>
    <rPh sb="9" eb="11">
      <t>ヒョウショウ</t>
    </rPh>
    <rPh sb="12" eb="14">
      <t>チジ</t>
    </rPh>
    <rPh sb="14" eb="15">
      <t>ヒョウ</t>
    </rPh>
    <rPh sb="15" eb="16">
      <t>ショウ</t>
    </rPh>
    <phoneticPr fontId="11"/>
  </si>
  <si>
    <t>株式会社　エス・ケイ・ディ</t>
    <rPh sb="0" eb="4">
      <t>カブシキガイシャ</t>
    </rPh>
    <phoneticPr fontId="33"/>
  </si>
  <si>
    <t>相模川流域下水道右岸処理場焼却炉補機棟改築工事</t>
  </si>
  <si>
    <t>勝栄・山口・肥後特定建設工事共同企業体</t>
    <rPh sb="0" eb="2">
      <t>ショウエイ</t>
    </rPh>
    <rPh sb="3" eb="5">
      <t>ヤマグチ</t>
    </rPh>
    <rPh sb="6" eb="8">
      <t>ヒゴ</t>
    </rPh>
    <rPh sb="8" eb="10">
      <t>トクテイ</t>
    </rPh>
    <rPh sb="10" eb="12">
      <t>ケンセツ</t>
    </rPh>
    <rPh sb="12" eb="14">
      <t>コウジ</t>
    </rPh>
    <rPh sb="14" eb="16">
      <t>キョウドウ</t>
    </rPh>
    <rPh sb="16" eb="19">
      <t>キギョウタイ</t>
    </rPh>
    <phoneticPr fontId="26"/>
  </si>
  <si>
    <t>相原高校新築工事（衛生）</t>
  </si>
  <si>
    <t>R1</t>
  </si>
  <si>
    <t>新日本空調・オリエンタル設備工業特定建設工事共同企業体</t>
    <rPh sb="16" eb="27">
      <t>トク</t>
    </rPh>
    <phoneticPr fontId="26"/>
  </si>
  <si>
    <t>県立音楽堂改修工事（空調）</t>
  </si>
  <si>
    <t>株式会社　西尾興産</t>
    <rPh sb="0" eb="4">
      <t>カブシキガイシャ</t>
    </rPh>
    <rPh sb="5" eb="7">
      <t>ニシオ</t>
    </rPh>
    <rPh sb="7" eb="9">
      <t>コウサン</t>
    </rPh>
    <phoneticPr fontId="28"/>
  </si>
  <si>
    <t>県道603号（石倉橋交差点）道路改良工事</t>
  </si>
  <si>
    <t>株式会社　日東建設</t>
    <rPh sb="0" eb="4">
      <t>カブシキガイシャ</t>
    </rPh>
    <phoneticPr fontId="25"/>
  </si>
  <si>
    <t>平塚配水池耐震補強工事</t>
  </si>
  <si>
    <t>日本植生株式会社　神奈川営業所</t>
    <rPh sb="0" eb="2">
      <t>ニホン</t>
    </rPh>
    <rPh sb="2" eb="4">
      <t>ショクセイ</t>
    </rPh>
    <rPh sb="4" eb="8">
      <t>カブシキガイシャ</t>
    </rPh>
    <rPh sb="9" eb="12">
      <t>カナガワ</t>
    </rPh>
    <rPh sb="12" eb="15">
      <t>エイギョウショ</t>
    </rPh>
    <phoneticPr fontId="38"/>
  </si>
  <si>
    <t>田浦町地区急傾斜地崩壊対策工事</t>
    <rPh sb="0" eb="3">
      <t>タウラチョウ</t>
    </rPh>
    <rPh sb="3" eb="5">
      <t>チク</t>
    </rPh>
    <rPh sb="5" eb="6">
      <t>キュウ</t>
    </rPh>
    <rPh sb="6" eb="9">
      <t>ケイシャチ</t>
    </rPh>
    <rPh sb="9" eb="11">
      <t>ホウカイ</t>
    </rPh>
    <rPh sb="11" eb="13">
      <t>タイサク</t>
    </rPh>
    <rPh sb="13" eb="15">
      <t>コウジ</t>
    </rPh>
    <phoneticPr fontId="8"/>
  </si>
  <si>
    <t>有限会社　林土木工業</t>
    <rPh sb="0" eb="4">
      <t>ユウゲンガイシャ</t>
    </rPh>
    <rPh sb="5" eb="6">
      <t>ハヤシ</t>
    </rPh>
    <rPh sb="6" eb="8">
      <t>ドボク</t>
    </rPh>
    <rPh sb="8" eb="10">
      <t>コウギョウ</t>
    </rPh>
    <phoneticPr fontId="27"/>
  </si>
  <si>
    <t>三浦縦貫道路Ⅱ期（林５丁目）道路改良工事</t>
  </si>
  <si>
    <t>ビオン・日本工業所特定建設工事共同企業体</t>
    <rPh sb="4" eb="6">
      <t>ニホン</t>
    </rPh>
    <rPh sb="6" eb="8">
      <t>コウギョウ</t>
    </rPh>
    <rPh sb="8" eb="9">
      <t>ショ</t>
    </rPh>
    <phoneticPr fontId="26"/>
  </si>
  <si>
    <t>相原高校新築工事（空調）</t>
  </si>
  <si>
    <t>ムサシ建設工業株式会社　横浜営業所</t>
    <rPh sb="7" eb="11">
      <t>カブシキガイシャ</t>
    </rPh>
    <phoneticPr fontId="26"/>
  </si>
  <si>
    <t>笠間５丁目地区急傾斜地崩壊対策工事</t>
  </si>
  <si>
    <t>宇内建設株式会社</t>
    <rPh sb="0" eb="2">
      <t>ウダイ</t>
    </rPh>
    <rPh sb="2" eb="4">
      <t>ケンセツ</t>
    </rPh>
    <rPh sb="4" eb="8">
      <t>カブシキガイシャ</t>
    </rPh>
    <phoneticPr fontId="38"/>
  </si>
  <si>
    <t>県道215号（南下浦町松輪）道路補修工事</t>
  </si>
  <si>
    <t>株式会社　コハラ</t>
    <rPh sb="0" eb="4">
      <t>カブシキガイシャ</t>
    </rPh>
    <phoneticPr fontId="25"/>
  </si>
  <si>
    <t>茅ヶ崎市香川１丁目地内配水管改良工事</t>
    <rPh sb="0" eb="4">
      <t>チ</t>
    </rPh>
    <rPh sb="4" eb="6">
      <t>カガワ</t>
    </rPh>
    <rPh sb="7" eb="9">
      <t>チョウメ</t>
    </rPh>
    <rPh sb="9" eb="11">
      <t>チナイ</t>
    </rPh>
    <rPh sb="11" eb="18">
      <t>ハカ</t>
    </rPh>
    <phoneticPr fontId="13"/>
  </si>
  <si>
    <t>山王建設株式会社</t>
    <rPh sb="0" eb="2">
      <t>サンノウ</t>
    </rPh>
    <rPh sb="2" eb="4">
      <t>ケンセツ</t>
    </rPh>
    <rPh sb="4" eb="8">
      <t>カブシキガイシャ</t>
    </rPh>
    <phoneticPr fontId="28"/>
  </si>
  <si>
    <t>山際Ｂ地区急傾斜地崩壊対策工事</t>
  </si>
  <si>
    <t>三和建設株式会社</t>
    <rPh sb="0" eb="2">
      <t>サンワ</t>
    </rPh>
    <rPh sb="2" eb="4">
      <t>ケンセツ</t>
    </rPh>
    <rPh sb="4" eb="8">
      <t>カブシキガイシャ</t>
    </rPh>
    <phoneticPr fontId="26"/>
  </si>
  <si>
    <t>小田原海岸護岸嵩上げ工事</t>
  </si>
  <si>
    <t>株式会社　鈴木土建工業</t>
    <rPh sb="0" eb="4">
      <t>カブシキガイシャ</t>
    </rPh>
    <rPh sb="5" eb="7">
      <t>スズキ</t>
    </rPh>
    <rPh sb="7" eb="9">
      <t>ドケン</t>
    </rPh>
    <rPh sb="9" eb="11">
      <t>コウギョウ</t>
    </rPh>
    <phoneticPr fontId="27"/>
  </si>
  <si>
    <t>県道78号（足柄大橋）橋りょう補修工事</t>
  </si>
  <si>
    <t>清光建設株式会社</t>
    <rPh sb="4" eb="8">
      <t>カブシキガイシャ</t>
    </rPh>
    <phoneticPr fontId="25"/>
  </si>
  <si>
    <t>二級河川引地川（下土棚）遊水地越流堤工事</t>
    <rPh sb="15" eb="17">
      <t>エツリュウ</t>
    </rPh>
    <rPh sb="17" eb="18">
      <t>テイ</t>
    </rPh>
    <rPh sb="18" eb="20">
      <t>コウジ</t>
    </rPh>
    <phoneticPr fontId="5"/>
  </si>
  <si>
    <t>株式会社　関野工務店</t>
    <rPh sb="0" eb="4">
      <t>カブシキガイシャ</t>
    </rPh>
    <rPh sb="5" eb="7">
      <t>セキノ</t>
    </rPh>
    <rPh sb="7" eb="10">
      <t>コウムテン</t>
    </rPh>
    <phoneticPr fontId="27"/>
  </si>
  <si>
    <t>国道129号（戸田立体）舗装工事</t>
    <rPh sb="0" eb="2">
      <t>コクドウ</t>
    </rPh>
    <rPh sb="5" eb="6">
      <t>ゴウ</t>
    </rPh>
    <rPh sb="7" eb="11">
      <t>トダリッタイ</t>
    </rPh>
    <rPh sb="12" eb="14">
      <t>ホソウ</t>
    </rPh>
    <rPh sb="14" eb="16">
      <t>コウジ</t>
    </rPh>
    <phoneticPr fontId="9"/>
  </si>
  <si>
    <t>株式会社　滝美園</t>
    <rPh sb="0" eb="4">
      <t>カブシキガイシャ</t>
    </rPh>
    <rPh sb="5" eb="8">
      <t>タキミエン</t>
    </rPh>
    <phoneticPr fontId="28"/>
  </si>
  <si>
    <t>一級河川相模川（河原口）高水敷掘削工事</t>
  </si>
  <si>
    <t>東京電設サービス株式会社　神奈川センター</t>
    <rPh sb="8" eb="12">
      <t>カブシキガイシャ</t>
    </rPh>
    <phoneticPr fontId="25"/>
  </si>
  <si>
    <t>城山発電所水圧鉄管伸縮継手補修工事</t>
    <rPh sb="2" eb="4">
      <t>ハツデン</t>
    </rPh>
    <rPh sb="4" eb="5">
      <t>ショ</t>
    </rPh>
    <phoneticPr fontId="9"/>
  </si>
  <si>
    <t>有限会社　西村組</t>
    <rPh sb="0" eb="4">
      <t>ユウゲンガイシャ</t>
    </rPh>
    <rPh sb="7" eb="8">
      <t>グミ</t>
    </rPh>
    <phoneticPr fontId="25"/>
  </si>
  <si>
    <t>国道135号（江之浦）交通安全施設補修工事</t>
  </si>
  <si>
    <t>相原建設株式会社</t>
    <rPh sb="4" eb="8">
      <t>カブシキガイシャ</t>
    </rPh>
    <phoneticPr fontId="25"/>
  </si>
  <si>
    <t>平塚市万田地内配水管改良工事</t>
    <rPh sb="5" eb="7">
      <t>チナイ</t>
    </rPh>
    <phoneticPr fontId="9"/>
  </si>
  <si>
    <t>株式会社　新工舎</t>
    <rPh sb="0" eb="4">
      <t>カブシキガイシャ</t>
    </rPh>
    <phoneticPr fontId="25"/>
  </si>
  <si>
    <t>小網代の森施設整備工事</t>
  </si>
  <si>
    <t>有限会社　安場土木</t>
    <rPh sb="0" eb="4">
      <t>ユウゲンガイシャ</t>
    </rPh>
    <phoneticPr fontId="27"/>
  </si>
  <si>
    <t>二級河川引地川（大庭遊水地）越流堤補修工事</t>
  </si>
  <si>
    <t>株式会社　エスワイシー</t>
    <rPh sb="0" eb="4">
      <t>カブシキガイシャ</t>
    </rPh>
    <phoneticPr fontId="26"/>
  </si>
  <si>
    <t>県営有馬団地個別改善工事（３期）</t>
  </si>
  <si>
    <t>佐藤建設株式会社</t>
    <rPh sb="0" eb="2">
      <t>サトウ</t>
    </rPh>
    <rPh sb="2" eb="4">
      <t>ケンセツ</t>
    </rPh>
    <rPh sb="4" eb="8">
      <t>カブシキガイシャ</t>
    </rPh>
    <phoneticPr fontId="27"/>
  </si>
  <si>
    <t>県道70号（桶小屋橋工区）法面工事</t>
    <rPh sb="0" eb="2">
      <t>ケンドウ</t>
    </rPh>
    <rPh sb="4" eb="5">
      <t>ゴウ</t>
    </rPh>
    <rPh sb="6" eb="7">
      <t>オケ</t>
    </rPh>
    <rPh sb="7" eb="9">
      <t>ゴヤ</t>
    </rPh>
    <rPh sb="9" eb="10">
      <t>バシ</t>
    </rPh>
    <rPh sb="10" eb="12">
      <t>コウク</t>
    </rPh>
    <rPh sb="13" eb="15">
      <t>ノリメン</t>
    </rPh>
    <rPh sb="15" eb="17">
      <t>コウジ</t>
    </rPh>
    <phoneticPr fontId="9"/>
  </si>
  <si>
    <t>株式会社　トモコーポレーション</t>
    <rPh sb="0" eb="4">
      <t>カブシキガイシャ</t>
    </rPh>
    <phoneticPr fontId="27"/>
  </si>
  <si>
    <t>二級河川帷子川（分水路）河川修繕工事</t>
  </si>
  <si>
    <t>有限会社　野木建設</t>
    <rPh sb="0" eb="4">
      <t>ユウゲンガイシャ</t>
    </rPh>
    <rPh sb="5" eb="6">
      <t>ノ</t>
    </rPh>
    <phoneticPr fontId="25"/>
  </si>
  <si>
    <t>峰ノ沢水源林基盤整備工事</t>
    <rPh sb="0" eb="1">
      <t>ミネ</t>
    </rPh>
    <rPh sb="2" eb="3">
      <t>サワ</t>
    </rPh>
    <rPh sb="3" eb="6">
      <t>スイゲンリン</t>
    </rPh>
    <rPh sb="6" eb="8">
      <t>キバン</t>
    </rPh>
    <rPh sb="8" eb="10">
      <t>セイビ</t>
    </rPh>
    <rPh sb="10" eb="12">
      <t>コウジ</t>
    </rPh>
    <phoneticPr fontId="9"/>
  </si>
  <si>
    <t>有限会社　平田建設工業</t>
    <rPh sb="0" eb="4">
      <t>ユウゲンガイシャ</t>
    </rPh>
    <phoneticPr fontId="25"/>
  </si>
  <si>
    <t>広域農道整備事業吉浜黄金松工区工事</t>
  </si>
  <si>
    <t>堀本建設株式会社</t>
    <rPh sb="0" eb="2">
      <t>ホリモト</t>
    </rPh>
    <rPh sb="2" eb="4">
      <t>ケンセツ</t>
    </rPh>
    <rPh sb="4" eb="8">
      <t>カブシキガイシャ</t>
    </rPh>
    <phoneticPr fontId="32"/>
  </si>
  <si>
    <t>地方港湾葉山港立体駐車場新築工事</t>
    <rPh sb="0" eb="2">
      <t>チホウ</t>
    </rPh>
    <rPh sb="2" eb="4">
      <t>コウワン</t>
    </rPh>
    <rPh sb="4" eb="6">
      <t>ハヤマ</t>
    </rPh>
    <rPh sb="6" eb="7">
      <t>コウ</t>
    </rPh>
    <rPh sb="7" eb="9">
      <t>リッタイ</t>
    </rPh>
    <rPh sb="9" eb="12">
      <t>チュウシャジョウ</t>
    </rPh>
    <rPh sb="12" eb="14">
      <t>シンチク</t>
    </rPh>
    <rPh sb="14" eb="16">
      <t>コウジ</t>
    </rPh>
    <phoneticPr fontId="9"/>
  </si>
  <si>
    <t>有限会社　丸栄設備</t>
    <rPh sb="0" eb="4">
      <t>ユウゲンガイシャ</t>
    </rPh>
    <phoneticPr fontId="25"/>
  </si>
  <si>
    <t>平塚市上平塚地内配水管改良工事</t>
    <rPh sb="6" eb="8">
      <t>チナイ</t>
    </rPh>
    <phoneticPr fontId="9"/>
  </si>
  <si>
    <t>株式会社　池田建設</t>
    <rPh sb="0" eb="4">
      <t>カブシキガイシャ</t>
    </rPh>
    <rPh sb="5" eb="7">
      <t>イケダ</t>
    </rPh>
    <rPh sb="7" eb="9">
      <t>ケンセツ</t>
    </rPh>
    <phoneticPr fontId="28"/>
  </si>
  <si>
    <t>県道61号（伊勢原２・３丁目）電線地中化促進工事</t>
  </si>
  <si>
    <t>日髙建設株式会社</t>
    <rPh sb="0" eb="2">
      <t>ヒダカ</t>
    </rPh>
    <rPh sb="2" eb="4">
      <t>ケンセツ</t>
    </rPh>
    <rPh sb="4" eb="8">
      <t>カブシキガイシャ</t>
    </rPh>
    <phoneticPr fontId="27"/>
  </si>
  <si>
    <t>県道43号（大庭）舗装補修工事</t>
  </si>
  <si>
    <t>有限会社　頼住建設</t>
    <rPh sb="0" eb="4">
      <t>ユウゲンガイシャ</t>
    </rPh>
    <rPh sb="5" eb="6">
      <t>ヨリ</t>
    </rPh>
    <rPh sb="6" eb="7">
      <t>ジュウ</t>
    </rPh>
    <rPh sb="7" eb="9">
      <t>ケンセツ</t>
    </rPh>
    <phoneticPr fontId="29"/>
  </si>
  <si>
    <t>国道129号（戸田立体）市道付替工事</t>
    <rPh sb="0" eb="2">
      <t>コクドウ</t>
    </rPh>
    <rPh sb="5" eb="6">
      <t>ゴウ</t>
    </rPh>
    <rPh sb="7" eb="11">
      <t>トダリッタイ</t>
    </rPh>
    <rPh sb="12" eb="14">
      <t>シドウ</t>
    </rPh>
    <rPh sb="14" eb="16">
      <t>ツケカ</t>
    </rPh>
    <rPh sb="16" eb="18">
      <t>コウジ</t>
    </rPh>
    <phoneticPr fontId="9"/>
  </si>
  <si>
    <t>株式会社　入内島土建</t>
    <rPh sb="0" eb="4">
      <t>カブシキガイシャ</t>
    </rPh>
    <phoneticPr fontId="25"/>
  </si>
  <si>
    <t>二級河川引地川（下土棚）遊水地掘削工事</t>
    <rPh sb="15" eb="17">
      <t>クッサク</t>
    </rPh>
    <phoneticPr fontId="5"/>
  </si>
  <si>
    <t>株式会社　落合組</t>
    <rPh sb="0" eb="4">
      <t>カブシキガイシャ</t>
    </rPh>
    <rPh sb="5" eb="7">
      <t>オチアイ</t>
    </rPh>
    <rPh sb="7" eb="8">
      <t>クミ</t>
    </rPh>
    <phoneticPr fontId="28"/>
  </si>
  <si>
    <t>万田地区急傾斜地崩壊対策工事</t>
  </si>
  <si>
    <t>紅梅・岡山特定建設工事共同企業体</t>
    <rPh sb="0" eb="2">
      <t>コウバイ</t>
    </rPh>
    <rPh sb="3" eb="5">
      <t>オカヤマ</t>
    </rPh>
    <rPh sb="5" eb="7">
      <t>トクテイ</t>
    </rPh>
    <rPh sb="7" eb="9">
      <t>ケンセツ</t>
    </rPh>
    <rPh sb="9" eb="11">
      <t>コウジ</t>
    </rPh>
    <rPh sb="11" eb="13">
      <t>キョウドウ</t>
    </rPh>
    <rPh sb="13" eb="16">
      <t>キギョウタイ</t>
    </rPh>
    <phoneticPr fontId="26"/>
  </si>
  <si>
    <t>相原高校新築工事（建築－第１工区）</t>
    <rPh sb="0" eb="4">
      <t>ア</t>
    </rPh>
    <rPh sb="4" eb="6">
      <t>シンチク</t>
    </rPh>
    <rPh sb="6" eb="8">
      <t>コウジ</t>
    </rPh>
    <rPh sb="9" eb="11">
      <t>ケンチク</t>
    </rPh>
    <rPh sb="12" eb="13">
      <t>ダイ</t>
    </rPh>
    <rPh sb="14" eb="16">
      <t>コウク</t>
    </rPh>
    <phoneticPr fontId="31"/>
  </si>
  <si>
    <t>昇栄工業株式会社</t>
    <rPh sb="4" eb="8">
      <t>カブシキガイシャ</t>
    </rPh>
    <phoneticPr fontId="25"/>
  </si>
  <si>
    <t>新治町旭谷地区急傾斜地崩壊対策工事</t>
  </si>
  <si>
    <t>時田建設株式会社</t>
    <rPh sb="0" eb="2">
      <t>トキタ</t>
    </rPh>
    <rPh sb="2" eb="4">
      <t>ケンセツ</t>
    </rPh>
    <rPh sb="4" eb="8">
      <t>カブシキガイシャ</t>
    </rPh>
    <phoneticPr fontId="26"/>
  </si>
  <si>
    <t>二級河川引地川（大山橋）架替工事</t>
  </si>
  <si>
    <t>日成工事株式会社</t>
    <rPh sb="4" eb="8">
      <t>カブシキガイシャ</t>
    </rPh>
    <phoneticPr fontId="26"/>
  </si>
  <si>
    <t>県立音楽堂改修工事（建築）</t>
    <rPh sb="0" eb="2">
      <t>ケンリツ</t>
    </rPh>
    <rPh sb="2" eb="5">
      <t>オンガクドウ</t>
    </rPh>
    <rPh sb="5" eb="7">
      <t>カイシュウ</t>
    </rPh>
    <rPh sb="7" eb="9">
      <t>コウジ</t>
    </rPh>
    <rPh sb="10" eb="12">
      <t>ケンチク</t>
    </rPh>
    <phoneticPr fontId="9"/>
  </si>
  <si>
    <t>株式会社　肥後建設</t>
    <rPh sb="0" eb="4">
      <t>カブシキガイシャ</t>
    </rPh>
    <rPh sb="5" eb="7">
      <t>ヒゴ</t>
    </rPh>
    <rPh sb="7" eb="9">
      <t>ケンセツ</t>
    </rPh>
    <phoneticPr fontId="27"/>
  </si>
  <si>
    <t>二級河川蓼川（上土棚南１丁目）河川改修工事</t>
  </si>
  <si>
    <t>扶桑・つくし特定建設工事共同企業体</t>
    <rPh sb="0" eb="2">
      <t>フソウ</t>
    </rPh>
    <rPh sb="6" eb="8">
      <t>トクテイ</t>
    </rPh>
    <rPh sb="8" eb="10">
      <t>ケンセツ</t>
    </rPh>
    <rPh sb="10" eb="12">
      <t>コウジ</t>
    </rPh>
    <rPh sb="12" eb="14">
      <t>キョウドウ</t>
    </rPh>
    <rPh sb="14" eb="16">
      <t>キギョウ</t>
    </rPh>
    <rPh sb="16" eb="17">
      <t>タイ</t>
    </rPh>
    <phoneticPr fontId="26"/>
  </si>
  <si>
    <t>県立音楽堂改修工事（電気）</t>
  </si>
  <si>
    <t>フリー工業株式会社　神奈川営業所</t>
    <rPh sb="3" eb="5">
      <t>コウギョウ</t>
    </rPh>
    <rPh sb="5" eb="9">
      <t>カブシキガイシャ</t>
    </rPh>
    <rPh sb="10" eb="13">
      <t>カナガワ</t>
    </rPh>
    <rPh sb="13" eb="16">
      <t>エイギョウショ</t>
    </rPh>
    <phoneticPr fontId="27"/>
  </si>
  <si>
    <t>県立津久井湖城山公園斜面崩落対策工事</t>
    <rPh sb="0" eb="2">
      <t>ケンリツ</t>
    </rPh>
    <rPh sb="2" eb="5">
      <t>ツクイ</t>
    </rPh>
    <rPh sb="5" eb="6">
      <t>コ</t>
    </rPh>
    <rPh sb="6" eb="8">
      <t>シロヤマ</t>
    </rPh>
    <rPh sb="8" eb="10">
      <t>コウエン</t>
    </rPh>
    <rPh sb="10" eb="12">
      <t>シャメン</t>
    </rPh>
    <rPh sb="12" eb="14">
      <t>ホウラク</t>
    </rPh>
    <rPh sb="14" eb="16">
      <t>タイサク</t>
    </rPh>
    <rPh sb="16" eb="18">
      <t>コウジ</t>
    </rPh>
    <phoneticPr fontId="9"/>
  </si>
  <si>
    <t>伊澤建設株式会社</t>
    <rPh sb="4" eb="8">
      <t>カブシキガイシャ</t>
    </rPh>
    <phoneticPr fontId="27"/>
  </si>
  <si>
    <t>二級河川引地川（長後）河川改修工事</t>
  </si>
  <si>
    <t>株式会社　勝俣組</t>
    <rPh sb="0" eb="4">
      <t>カブシキガイシャ</t>
    </rPh>
    <rPh sb="5" eb="7">
      <t>カツマタ</t>
    </rPh>
    <rPh sb="7" eb="8">
      <t>グミ</t>
    </rPh>
    <phoneticPr fontId="26"/>
  </si>
  <si>
    <t>二級河川山王川（扇町１丁目）護岸工事</t>
    <rPh sb="0" eb="2">
      <t>ニキュウ</t>
    </rPh>
    <rPh sb="2" eb="4">
      <t>カセン</t>
    </rPh>
    <rPh sb="4" eb="6">
      <t>サンノウ</t>
    </rPh>
    <rPh sb="6" eb="7">
      <t>ガワ</t>
    </rPh>
    <rPh sb="8" eb="10">
      <t>オオギチョウ</t>
    </rPh>
    <rPh sb="11" eb="13">
      <t>チョウメ</t>
    </rPh>
    <rPh sb="14" eb="16">
      <t>ゴガン</t>
    </rPh>
    <rPh sb="16" eb="18">
      <t>コウジ</t>
    </rPh>
    <phoneticPr fontId="14"/>
  </si>
  <si>
    <t>株式会社　加藤工務店</t>
    <rPh sb="0" eb="4">
      <t>カブシキガイシャ</t>
    </rPh>
    <rPh sb="5" eb="7">
      <t>カトウ</t>
    </rPh>
    <rPh sb="7" eb="10">
      <t>コウムテン</t>
    </rPh>
    <phoneticPr fontId="32"/>
  </si>
  <si>
    <t>県道710号（寄）道路災害防除工事</t>
  </si>
  <si>
    <t>金子建設株式会社</t>
    <rPh sb="0" eb="2">
      <t>カネコ</t>
    </rPh>
    <rPh sb="2" eb="4">
      <t>ケンセツ</t>
    </rPh>
    <rPh sb="4" eb="8">
      <t>カブシキガイシャ</t>
    </rPh>
    <phoneticPr fontId="28"/>
  </si>
  <si>
    <t>県道74号（岸）道路補修工事</t>
  </si>
  <si>
    <t>株式会社　清川建設</t>
    <rPh sb="0" eb="4">
      <t>カブシキガイシャ</t>
    </rPh>
    <rPh sb="5" eb="7">
      <t>キヨカワ</t>
    </rPh>
    <rPh sb="7" eb="9">
      <t>ケンセツ</t>
    </rPh>
    <phoneticPr fontId="28"/>
  </si>
  <si>
    <t>県道64号（古在家バイパス）掘削及び法面工事</t>
    <rPh sb="0" eb="2">
      <t>ケンドウ</t>
    </rPh>
    <rPh sb="4" eb="5">
      <t>ゴウ</t>
    </rPh>
    <rPh sb="6" eb="9">
      <t>コザイケ</t>
    </rPh>
    <rPh sb="14" eb="16">
      <t>クッサク</t>
    </rPh>
    <rPh sb="16" eb="17">
      <t>オヨ</t>
    </rPh>
    <rPh sb="18" eb="20">
      <t>ノリメン</t>
    </rPh>
    <rPh sb="20" eb="22">
      <t>コウジ</t>
    </rPh>
    <phoneticPr fontId="9"/>
  </si>
  <si>
    <t>株式会社　コクエー</t>
    <rPh sb="0" eb="4">
      <t>カブシキガイシャ</t>
    </rPh>
    <phoneticPr fontId="27"/>
  </si>
  <si>
    <t>県道22号（下糟屋）道路補修工事</t>
  </si>
  <si>
    <t>湘南建設株式会社</t>
    <rPh sb="0" eb="2">
      <t>ショウナン</t>
    </rPh>
    <rPh sb="4" eb="8">
      <t>カブシキガイシャ</t>
    </rPh>
    <phoneticPr fontId="27"/>
  </si>
  <si>
    <t>国道467号（藤沢１・２丁目）歩道舗装工事</t>
  </si>
  <si>
    <t>株式会社　湘南推進工業</t>
    <rPh sb="0" eb="4">
      <t>カブシキガイシャ</t>
    </rPh>
    <rPh sb="5" eb="7">
      <t>ショウナン</t>
    </rPh>
    <rPh sb="7" eb="9">
      <t>スイシン</t>
    </rPh>
    <rPh sb="9" eb="11">
      <t>コウギョウ</t>
    </rPh>
    <phoneticPr fontId="26"/>
  </si>
  <si>
    <t>国道134号（中海岸３丁目外）舗装補修工事</t>
  </si>
  <si>
    <t>長島建設株式会社</t>
    <rPh sb="0" eb="2">
      <t>ナガシマ</t>
    </rPh>
    <rPh sb="2" eb="4">
      <t>ケンセツ</t>
    </rPh>
    <rPh sb="4" eb="8">
      <t>カブシキガイシャ</t>
    </rPh>
    <phoneticPr fontId="27"/>
  </si>
  <si>
    <t>県道611号（大山入口交差点）道路改良工事</t>
  </si>
  <si>
    <t>株式会社　二幸管理</t>
    <rPh sb="0" eb="4">
      <t>カブシキガイシャ</t>
    </rPh>
    <rPh sb="5" eb="7">
      <t>ニコウ</t>
    </rPh>
    <rPh sb="7" eb="9">
      <t>カンリ</t>
    </rPh>
    <phoneticPr fontId="38"/>
  </si>
  <si>
    <t>国道134号（飯島隧道）道路災害防除工事</t>
  </si>
  <si>
    <t>増田工業株式会社</t>
    <rPh sb="0" eb="2">
      <t>マスダ</t>
    </rPh>
    <rPh sb="2" eb="4">
      <t>コウギョウ</t>
    </rPh>
    <rPh sb="4" eb="8">
      <t>カブシキガイシャ</t>
    </rPh>
    <phoneticPr fontId="27"/>
  </si>
  <si>
    <t>県道62号（南金目）道路補修工事</t>
  </si>
  <si>
    <t>株式会社　水野建設</t>
    <rPh sb="0" eb="4">
      <t>カブシキガイシャ</t>
    </rPh>
    <rPh sb="5" eb="7">
      <t>ミズノ</t>
    </rPh>
    <rPh sb="7" eb="9">
      <t>ケンセツ</t>
    </rPh>
    <phoneticPr fontId="17"/>
  </si>
  <si>
    <t>県道710号（千村）道路災害防除工事</t>
  </si>
  <si>
    <t>株式会社　双和</t>
    <rPh sb="0" eb="4">
      <t>カブシキガイシャ</t>
    </rPh>
    <rPh sb="5" eb="7">
      <t>ソウワ</t>
    </rPh>
    <phoneticPr fontId="26"/>
  </si>
  <si>
    <t>県道42号（さがみ野３丁目）交通安全施設等整備工事</t>
  </si>
  <si>
    <t>有限会社　丸由</t>
    <rPh sb="0" eb="4">
      <t>ユウゲンガイシャ</t>
    </rPh>
    <rPh sb="5" eb="7">
      <t>マルヨシ</t>
    </rPh>
    <phoneticPr fontId="26"/>
  </si>
  <si>
    <t>都市計画道路丸子中山茅ヶ崎線（上和田）街路整備工事</t>
  </si>
  <si>
    <t>株式会社　山源建設</t>
    <rPh sb="0" eb="4">
      <t>カブシキガイシャ</t>
    </rPh>
    <rPh sb="5" eb="6">
      <t>ヤマ</t>
    </rPh>
    <rPh sb="6" eb="7">
      <t>ゲン</t>
    </rPh>
    <rPh sb="7" eb="9">
      <t>ケンセツ</t>
    </rPh>
    <phoneticPr fontId="26"/>
  </si>
  <si>
    <t>都市計画道路丸子中山茅ヶ崎線（上和田〜福田）街路整備工事</t>
  </si>
  <si>
    <t>土木</t>
    <rPh sb="0" eb="2">
      <t>ドボク</t>
    </rPh>
    <phoneticPr fontId="9"/>
  </si>
  <si>
    <t>建築</t>
    <rPh sb="0" eb="2">
      <t>ケンチク</t>
    </rPh>
    <phoneticPr fontId="9"/>
  </si>
  <si>
    <t>設備等</t>
    <rPh sb="0" eb="2">
      <t>セツビ</t>
    </rPh>
    <rPh sb="2" eb="3">
      <t>トウ</t>
    </rPh>
    <phoneticPr fontId="9"/>
  </si>
  <si>
    <t>水道</t>
    <rPh sb="0" eb="2">
      <t>スイドウ</t>
    </rPh>
    <phoneticPr fontId="9"/>
  </si>
  <si>
    <t>株式会社池田建設</t>
  </si>
  <si>
    <t>宇内建設株式会社</t>
  </si>
  <si>
    <t>株式会社エス・ケイ・ディ</t>
    <phoneticPr fontId="25"/>
  </si>
  <si>
    <t>大野土建株式会社</t>
  </si>
  <si>
    <t>株式会社甲斐組</t>
    <rPh sb="0" eb="4">
      <t>カブシキガイシャ</t>
    </rPh>
    <phoneticPr fontId="25"/>
  </si>
  <si>
    <t>親和興業株式会社</t>
    <phoneticPr fontId="25"/>
  </si>
  <si>
    <t>有限会社林土木工業</t>
    <phoneticPr fontId="25"/>
  </si>
  <si>
    <t>株式会社ピーエス三菱横浜営業所</t>
  </si>
  <si>
    <t>フリー工業株式会社神奈川営業所</t>
  </si>
  <si>
    <t>増田工業株式会社</t>
  </si>
  <si>
    <t>県道47号（神川橋Ｐ２橋脚）橋りょう補修工事</t>
  </si>
  <si>
    <t>三浦縦貫道路Ⅱ期（３工区補強土壁）道路改良工事</t>
  </si>
  <si>
    <t>県道47号（神川橋Ｐ３橋脚）橋りょう補修工事</t>
  </si>
  <si>
    <t>三浦ふれあいの村しおさい棟改修及び耐震補強工事（建築－第１工区）</t>
  </si>
  <si>
    <t>篠原園地公園整備工事</t>
  </si>
  <si>
    <t>三浦縦貫道路Ⅱ期（３号跨道橋下部工）道路改良工事</t>
  </si>
  <si>
    <t>三浦縦貫道路Ⅱ期（３号跨道橋製作・架設）道路改良工事</t>
  </si>
  <si>
    <t>岡村４丁目東地区急傾斜地崩壊対策工事</t>
  </si>
  <si>
    <t>株式会社片山建設</t>
  </si>
  <si>
    <t>株式会社勝俣組</t>
  </si>
  <si>
    <t>三和建設株式会社</t>
  </si>
  <si>
    <t>株式会社関野工務店</t>
  </si>
  <si>
    <t>株式会社相建</t>
  </si>
  <si>
    <t>株式会社塚本工務店</t>
    <phoneticPr fontId="25"/>
  </si>
  <si>
    <t>鉄建基礎株式会社</t>
  </si>
  <si>
    <t>有限会社西村組</t>
  </si>
  <si>
    <t>宮嶋建設株式会社</t>
  </si>
  <si>
    <t>有限会社頼住建設</t>
  </si>
  <si>
    <t>三浦ふれあいの村しおさい棟改修及び耐震補強工事（建築－第２工区）</t>
  </si>
  <si>
    <t>国道138号（箱根町仙石原）災害復旧工事</t>
  </si>
  <si>
    <t>県道75号（箱根町元箱根）道路災害防除工事</t>
  </si>
  <si>
    <t>一級河川相模川（海老名市河原口）高水敷掘削工事</t>
  </si>
  <si>
    <t>県道42号（藤綾跨線橋）道路補修工事</t>
  </si>
  <si>
    <t>大涌谷自然研究路等安全対策施設整備工事</t>
  </si>
  <si>
    <t>相模原市緑区中野地内配水管改良工事</t>
  </si>
  <si>
    <t>県道731号（箱根町仙石原）道路改良工事</t>
  </si>
  <si>
    <t>県道731号（南足柄市矢倉沢）道路改良工事</t>
  </si>
  <si>
    <t>国道129号（厚木市中依知）道路補修工事</t>
  </si>
  <si>
    <t>有限会社池谷建設</t>
  </si>
  <si>
    <t>株式会社大塚工業</t>
  </si>
  <si>
    <t>株式会社クマケン</t>
    <rPh sb="0" eb="4">
      <t>カブシキガイシャ</t>
    </rPh>
    <phoneticPr fontId="12"/>
  </si>
  <si>
    <t>株式会社クレスコ</t>
  </si>
  <si>
    <t>恵進建設株式会社</t>
  </si>
  <si>
    <t>株式会社新幸建設</t>
  </si>
  <si>
    <t>株式会社大巧</t>
  </si>
  <si>
    <t>日本プラミング株式会社</t>
  </si>
  <si>
    <t>有限会社山岸産業</t>
  </si>
  <si>
    <t>有限会社吉田設備工業</t>
  </si>
  <si>
    <t>二級河川酒匂川（山北町川西）災害復旧工事</t>
  </si>
  <si>
    <t>茅ヶ崎市浜之郷地内配水管改良工事</t>
  </si>
  <si>
    <t>山岳スポーツセンターリードウォールパネル改修工事</t>
  </si>
  <si>
    <t>県道208号（横須賀市西浦賀一丁目）交通安全施設等整備工事</t>
  </si>
  <si>
    <t>逗子海岸海岸高潮対策工事</t>
  </si>
  <si>
    <t>地方港湾葉山港港湾修築工事</t>
  </si>
  <si>
    <t>県道75号（湯河原町宮上）道路補修工事</t>
  </si>
  <si>
    <t>相模原市緑区三ケ木地内配水管改良工事</t>
  </si>
  <si>
    <t>相模原市緑区根小屋地内配水管改良工事</t>
  </si>
  <si>
    <t>藤沢市辻堂東海岸３丁目地内配水管改良工事</t>
  </si>
  <si>
    <t>人の森株式会社</t>
  </si>
  <si>
    <t>県道40号（海老名市望地一丁目）道路災害防除工事</t>
  </si>
  <si>
    <t>有限会社三浦組</t>
    <rPh sb="4" eb="7">
      <t>ミウラグミ</t>
    </rPh>
    <phoneticPr fontId="12"/>
  </si>
  <si>
    <t>広域農道整備事業石橋孫畑工区工事</t>
  </si>
  <si>
    <t>有限会社五葉工業</t>
  </si>
  <si>
    <t>鎌倉市大船地内配水管改良工事</t>
  </si>
  <si>
    <t>R2</t>
    <phoneticPr fontId="22"/>
  </si>
  <si>
    <t>地方港湾湘南港セーリングセンター（仮称）新築工事（建築）</t>
  </si>
  <si>
    <t>二級河川早川（箱根町元箱根）河川改修工事</t>
  </si>
  <si>
    <t>東朝比奈３丁目地区急傾斜地崩壊対策工事</t>
  </si>
  <si>
    <t>二級河川引地川（藤沢市下土棚）河川改修工事（掘削工）</t>
  </si>
  <si>
    <t>動物保護センター新築工事（空調）</t>
  </si>
  <si>
    <t>県道311号（逗子市久木四丁目）道路災害防除工事</t>
  </si>
  <si>
    <t>酒匂川流域下水道（箱根小田原幹線）到達立坑築造工事</t>
  </si>
  <si>
    <t>二級河川境川（横浜市瀬谷区橋戸三丁目・大和市深見）河川改修工事（護岸工）</t>
  </si>
  <si>
    <t>二級河川引地川（藤沢市下土棚）河川改修工事（護岸工）</t>
  </si>
  <si>
    <t>東高根森林公園公園整備工事</t>
  </si>
  <si>
    <t>アイグステック株式会社</t>
  </si>
  <si>
    <t>開成工業株式会社</t>
  </si>
  <si>
    <t>昇栄工業株式会社</t>
    <phoneticPr fontId="25"/>
  </si>
  <si>
    <t>株式会社湘南営繕協会</t>
  </si>
  <si>
    <t>株式会社神成工業</t>
  </si>
  <si>
    <t>高幸建設株式会社</t>
  </si>
  <si>
    <t>株式会社日本ビオトープ</t>
  </si>
  <si>
    <t>株式会社ハギワラ</t>
  </si>
  <si>
    <t>日髙建設株式会社</t>
    <rPh sb="1" eb="2">
      <t>タカ</t>
    </rPh>
    <phoneticPr fontId="25"/>
  </si>
  <si>
    <t>株式会社村瀬造園</t>
  </si>
  <si>
    <t>相原建設株式会社</t>
  </si>
  <si>
    <t>厚木ガス総合設備株式会社</t>
  </si>
  <si>
    <t>株式会社いづみ工事</t>
  </si>
  <si>
    <t>有限会社大畠工務店</t>
  </si>
  <si>
    <t>株式会社加藤工務店</t>
    <phoneticPr fontId="38"/>
  </si>
  <si>
    <t>鎌田工業株式会社</t>
    <rPh sb="0" eb="2">
      <t>カマタ</t>
    </rPh>
    <rPh sb="2" eb="4">
      <t>コウギョウ</t>
    </rPh>
    <rPh sb="4" eb="5">
      <t>カブ</t>
    </rPh>
    <rPh sb="5" eb="6">
      <t>シキ</t>
    </rPh>
    <rPh sb="6" eb="8">
      <t>ガイシャ</t>
    </rPh>
    <phoneticPr fontId="12"/>
  </si>
  <si>
    <t>山王総合株式会社</t>
  </si>
  <si>
    <t>湘山開発株式会社</t>
  </si>
  <si>
    <t>株式会社センチュリー興業</t>
    <phoneticPr fontId="25"/>
  </si>
  <si>
    <t>株式会社双和</t>
  </si>
  <si>
    <t>成瀬産業株式会社</t>
  </si>
  <si>
    <t>株式会社丸孝産業</t>
  </si>
  <si>
    <t>県道44号（平塚市四之宮）道路補修工事</t>
  </si>
  <si>
    <t>県道63号（厚木市愛甲東三丁目）道路補修工事</t>
  </si>
  <si>
    <t>国道134号（三浦市南下浦町上宮田）道路補修工事</t>
  </si>
  <si>
    <t>国道135号（小田原市根府川）道路災害防除工事</t>
  </si>
  <si>
    <t>二級河川酒匂川（小田原市栢山）河川維持改修工事</t>
  </si>
  <si>
    <t>都市計画道路横浜藤沢線（藤沢市川名）街路整備工事</t>
  </si>
  <si>
    <t>県道603号（伊勢原市上粕屋）道路改良工事（舗装工）</t>
  </si>
  <si>
    <t>県道734号（箱根町仙石原）道路補修工事</t>
  </si>
  <si>
    <t>二級河川堀割川（横浜市磯子区磯子一丁目）河川再生工事</t>
  </si>
  <si>
    <t>県道42号（座間市入谷一丁目）交通安全施設等整備工事</t>
  </si>
  <si>
    <t>県道77号（平塚市土屋）交通安全施設等整備工事</t>
  </si>
  <si>
    <t>佐野町Ｃ地区急傾斜地崩壊対策工事</t>
  </si>
  <si>
    <t>県道54号（日向橋）橋りょう補修工事（塗装工）</t>
  </si>
  <si>
    <t>一級河川真光寺川（川崎市麻生区岡上）河川維持改修工事</t>
  </si>
  <si>
    <t>県道603号（伊勢原市上粕屋）道路改良工事（法面吹付工）</t>
  </si>
  <si>
    <t>有限会社板橋塗装</t>
  </si>
  <si>
    <t>株式会社エトワール</t>
  </si>
  <si>
    <t>株式会社幸和建設</t>
  </si>
  <si>
    <t>平塚配水池耐震補強工事</t>
    <phoneticPr fontId="22"/>
  </si>
  <si>
    <t>R3</t>
  </si>
  <si>
    <t>安西興業株式会社</t>
  </si>
  <si>
    <t>株式会社池田建設</t>
    <rPh sb="4" eb="6">
      <t>イケダ</t>
    </rPh>
    <rPh sb="6" eb="8">
      <t>ケンセツ</t>
    </rPh>
    <phoneticPr fontId="5"/>
  </si>
  <si>
    <t>株式会社磯部組</t>
    <rPh sb="4" eb="7">
      <t>イソベグミ</t>
    </rPh>
    <phoneticPr fontId="8"/>
  </si>
  <si>
    <t>岩澤土木有限会社</t>
    <rPh sb="0" eb="2">
      <t>イワサワ</t>
    </rPh>
    <rPh sb="2" eb="4">
      <t>ドボク</t>
    </rPh>
    <phoneticPr fontId="8"/>
  </si>
  <si>
    <t>株式会社エノモト</t>
  </si>
  <si>
    <t>有限会社遠藤土木</t>
  </si>
  <si>
    <t>有限会社大谷建設</t>
  </si>
  <si>
    <t>株式会社清川建設</t>
    <rPh sb="4" eb="8">
      <t>キヨカワケンセツ</t>
    </rPh>
    <phoneticPr fontId="5"/>
  </si>
  <si>
    <t>株式会社坂本組</t>
    <rPh sb="4" eb="7">
      <t>サカモトグミ</t>
    </rPh>
    <phoneticPr fontId="6"/>
  </si>
  <si>
    <t>有限会社下里建設</t>
    <rPh sb="4" eb="6">
      <t>シモザト</t>
    </rPh>
    <rPh sb="6" eb="8">
      <t>ケンセツ</t>
    </rPh>
    <phoneticPr fontId="2"/>
  </si>
  <si>
    <t>株式会社新晃産業</t>
    <rPh sb="4" eb="5">
      <t>シン</t>
    </rPh>
    <rPh sb="5" eb="6">
      <t>コウ</t>
    </rPh>
    <rPh sb="6" eb="8">
      <t>サンギョウ</t>
    </rPh>
    <phoneticPr fontId="2"/>
  </si>
  <si>
    <t>株式会社成和</t>
    <rPh sb="4" eb="6">
      <t>セイワ</t>
    </rPh>
    <phoneticPr fontId="6"/>
  </si>
  <si>
    <t>大旭建業株式会社</t>
  </si>
  <si>
    <t>有限会社田口設備工業所</t>
  </si>
  <si>
    <t>株式会社田代組</t>
    <rPh sb="4" eb="7">
      <t>タシログミ</t>
    </rPh>
    <phoneticPr fontId="5"/>
  </si>
  <si>
    <t>鉄建基礎株式会社</t>
    <rPh sb="0" eb="2">
      <t>テッケン</t>
    </rPh>
    <rPh sb="2" eb="4">
      <t>キソ</t>
    </rPh>
    <rPh sb="4" eb="6">
      <t>カブシキ</t>
    </rPh>
    <rPh sb="6" eb="8">
      <t>カイシャ</t>
    </rPh>
    <phoneticPr fontId="3"/>
  </si>
  <si>
    <t>株式会社トモコーポレーション</t>
  </si>
  <si>
    <t>有限会社西村組</t>
    <rPh sb="4" eb="7">
      <t>ニシムラグミ</t>
    </rPh>
    <phoneticPr fontId="3"/>
  </si>
  <si>
    <t>有限会社林土木工業</t>
    <rPh sb="4" eb="5">
      <t>ハヤシ</t>
    </rPh>
    <rPh sb="5" eb="7">
      <t>ドボク</t>
    </rPh>
    <rPh sb="7" eb="9">
      <t>コウギョウ</t>
    </rPh>
    <phoneticPr fontId="2"/>
  </si>
  <si>
    <t>株式会社フロンティア</t>
  </si>
  <si>
    <t>堀本建設株式会社</t>
  </si>
  <si>
    <t>増田工業株式会社</t>
    <rPh sb="0" eb="2">
      <t>マスダ</t>
    </rPh>
    <rPh sb="2" eb="4">
      <t>コウギョウ</t>
    </rPh>
    <phoneticPr fontId="5"/>
  </si>
  <si>
    <t>株式会社都実業</t>
    <rPh sb="0" eb="4">
      <t>カブシキガイシャ</t>
    </rPh>
    <rPh sb="4" eb="5">
      <t>ミヤコ</t>
    </rPh>
    <rPh sb="5" eb="7">
      <t>ジツギョウ</t>
    </rPh>
    <phoneticPr fontId="5"/>
  </si>
  <si>
    <t>メタウォーター株式会社横浜営業所</t>
  </si>
  <si>
    <t>有限会社籔田組</t>
    <rPh sb="4" eb="6">
      <t>ヤブタ</t>
    </rPh>
    <rPh sb="6" eb="7">
      <t>グミ</t>
    </rPh>
    <phoneticPr fontId="8"/>
  </si>
  <si>
    <t>有限会社山口水道</t>
  </si>
  <si>
    <t>山﨑水道建設株式会社</t>
  </si>
  <si>
    <t>山羽工業株式会社</t>
  </si>
  <si>
    <t>株式会社豊設備</t>
  </si>
  <si>
    <t>津久井湖崩落防止工事（三ケ木）</t>
  </si>
  <si>
    <t>湘南港江の島入口トイレ改築工事</t>
  </si>
  <si>
    <t>酒匂川流域下水道左岸処理場送風機電気設備改築工事</t>
  </si>
  <si>
    <t>湘南建設株式会社</t>
  </si>
  <si>
    <t>株式会社日本ビオトープ</t>
    <rPh sb="4" eb="6">
      <t>ニホン</t>
    </rPh>
    <phoneticPr fontId="6"/>
  </si>
  <si>
    <t>今泉建設株式会社</t>
    <rPh sb="0" eb="2">
      <t>イマイズミ</t>
    </rPh>
    <rPh sb="2" eb="4">
      <t>ケンセツ</t>
    </rPh>
    <phoneticPr fontId="8"/>
  </si>
  <si>
    <t>株式会社入内島土建</t>
  </si>
  <si>
    <t>有限会社山季建設</t>
  </si>
  <si>
    <t>株式会社加藤工務店</t>
    <rPh sb="4" eb="6">
      <t>カトウ</t>
    </rPh>
    <rPh sb="6" eb="9">
      <t>コウムテン</t>
    </rPh>
    <phoneticPr fontId="6"/>
  </si>
  <si>
    <t>関東緑地土木株式会社</t>
    <rPh sb="0" eb="6">
      <t>カントウリョクチドボク</t>
    </rPh>
    <phoneticPr fontId="5"/>
  </si>
  <si>
    <t>株式会社菊地原建設工業</t>
    <rPh sb="4" eb="7">
      <t>キクチハラ</t>
    </rPh>
    <rPh sb="7" eb="9">
      <t>ケンセツ</t>
    </rPh>
    <rPh sb="9" eb="11">
      <t>コウギョウ</t>
    </rPh>
    <phoneticPr fontId="5"/>
  </si>
  <si>
    <t>株式会社熊沢工務店</t>
  </si>
  <si>
    <t>紅梅・大旭特定建設工事共同企業体</t>
    <rPh sb="5" eb="7">
      <t>トクテイ</t>
    </rPh>
    <rPh sb="7" eb="9">
      <t>ケンセツ</t>
    </rPh>
    <rPh sb="9" eb="11">
      <t>コウジ</t>
    </rPh>
    <rPh sb="11" eb="13">
      <t>キョウドウ</t>
    </rPh>
    <rPh sb="13" eb="16">
      <t>キギョウタイ</t>
    </rPh>
    <phoneticPr fontId="3"/>
  </si>
  <si>
    <t>森山建設株式会社</t>
    <rPh sb="0" eb="2">
      <t>モリヤマ</t>
    </rPh>
    <rPh sb="2" eb="4">
      <t>ケンセツ</t>
    </rPh>
    <phoneticPr fontId="5"/>
  </si>
  <si>
    <t>佐藤建設株式会社</t>
    <rPh sb="0" eb="2">
      <t>サトウ</t>
    </rPh>
    <rPh sb="2" eb="4">
      <t>ケンセツ</t>
    </rPh>
    <phoneticPr fontId="5"/>
  </si>
  <si>
    <t>株式会社紅梅組</t>
    <rPh sb="4" eb="6">
      <t>コウバイ</t>
    </rPh>
    <rPh sb="6" eb="7">
      <t>グミ</t>
    </rPh>
    <phoneticPr fontId="3"/>
  </si>
  <si>
    <t>株式会社山本建設</t>
    <rPh sb="4" eb="6">
      <t>ヤマモト</t>
    </rPh>
    <rPh sb="6" eb="8">
      <t>ケンセツ</t>
    </rPh>
    <phoneticPr fontId="5"/>
  </si>
  <si>
    <t>三友興産株式会社</t>
    <rPh sb="0" eb="2">
      <t>サンユウ</t>
    </rPh>
    <rPh sb="2" eb="4">
      <t>コウサン</t>
    </rPh>
    <phoneticPr fontId="1"/>
  </si>
  <si>
    <t>長島建設株式会社</t>
    <rPh sb="0" eb="2">
      <t>ナガシマ</t>
    </rPh>
    <rPh sb="2" eb="4">
      <t>ケンセツ</t>
    </rPh>
    <phoneticPr fontId="5"/>
  </si>
  <si>
    <t>全建産業株式会社</t>
    <rPh sb="0" eb="1">
      <t>ゼン</t>
    </rPh>
    <rPh sb="1" eb="2">
      <t>タツル</t>
    </rPh>
    <rPh sb="2" eb="4">
      <t>サンギョウ</t>
    </rPh>
    <phoneticPr fontId="11"/>
  </si>
  <si>
    <t>西建設工業株式会社</t>
    <rPh sb="0" eb="1">
      <t>ニシ</t>
    </rPh>
    <rPh sb="1" eb="3">
      <t>ケンセツ</t>
    </rPh>
    <rPh sb="3" eb="5">
      <t>コウギョウ</t>
    </rPh>
    <phoneticPr fontId="5"/>
  </si>
  <si>
    <t>株式会社原兼工務店</t>
    <rPh sb="4" eb="5">
      <t>ハラ</t>
    </rPh>
    <rPh sb="5" eb="6">
      <t>カ</t>
    </rPh>
    <rPh sb="6" eb="9">
      <t>コウムテン</t>
    </rPh>
    <phoneticPr fontId="6"/>
  </si>
  <si>
    <t>有限会社三木電気工事</t>
    <rPh sb="4" eb="6">
      <t>ミキ</t>
    </rPh>
    <rPh sb="6" eb="8">
      <t>デンキ</t>
    </rPh>
    <rPh sb="8" eb="10">
      <t>コウジ</t>
    </rPh>
    <phoneticPr fontId="1"/>
  </si>
  <si>
    <t>有限会社宮内商店</t>
    <rPh sb="4" eb="8">
      <t>ミヤウチショウテン</t>
    </rPh>
    <phoneticPr fontId="5"/>
  </si>
  <si>
    <t>有限会社酒匂土木</t>
    <rPh sb="4" eb="6">
      <t>サカワ</t>
    </rPh>
    <rPh sb="6" eb="8">
      <t>ドボク</t>
    </rPh>
    <phoneticPr fontId="5"/>
  </si>
  <si>
    <t>株式会社鈴木組</t>
    <rPh sb="4" eb="7">
      <t>スズキグミ</t>
    </rPh>
    <phoneticPr fontId="3"/>
  </si>
  <si>
    <t>二級河川酒匂川（山北町岸）護岸整備工事</t>
    <rPh sb="0" eb="2">
      <t>ニキュウ</t>
    </rPh>
    <rPh sb="2" eb="4">
      <t>カセン</t>
    </rPh>
    <rPh sb="4" eb="6">
      <t>サカワ</t>
    </rPh>
    <rPh sb="6" eb="7">
      <t>ガワ</t>
    </rPh>
    <rPh sb="8" eb="11">
      <t>ヤマキタマチ</t>
    </rPh>
    <rPh sb="11" eb="12">
      <t>キシ</t>
    </rPh>
    <rPh sb="13" eb="15">
      <t>ゴガン</t>
    </rPh>
    <rPh sb="15" eb="17">
      <t>セイビ</t>
    </rPh>
    <rPh sb="17" eb="19">
      <t>コウジ</t>
    </rPh>
    <phoneticPr fontId="1"/>
  </si>
  <si>
    <t>二級河川引地川（藤沢市下土棚）左岸護岸工事</t>
    <rPh sb="0" eb="2">
      <t>ニキュウ</t>
    </rPh>
    <rPh sb="2" eb="4">
      <t>カセン</t>
    </rPh>
    <rPh sb="4" eb="6">
      <t>ヒキチ</t>
    </rPh>
    <rPh sb="6" eb="7">
      <t>ガワ</t>
    </rPh>
    <rPh sb="8" eb="11">
      <t>フジサワシ</t>
    </rPh>
    <rPh sb="11" eb="14">
      <t>シモツチダナ</t>
    </rPh>
    <rPh sb="17" eb="19">
      <t>ゴガン</t>
    </rPh>
    <rPh sb="19" eb="21">
      <t>コウジ</t>
    </rPh>
    <phoneticPr fontId="1"/>
  </si>
  <si>
    <t>はこね金太郎ライン（南足柄市矢倉沢）法面対策工事</t>
    <rPh sb="3" eb="6">
      <t>キンタロウ</t>
    </rPh>
    <rPh sb="10" eb="14">
      <t>ミナミアシガラシ</t>
    </rPh>
    <rPh sb="14" eb="17">
      <t>ヤグラサワ</t>
    </rPh>
    <rPh sb="18" eb="20">
      <t>ノリメン</t>
    </rPh>
    <rPh sb="20" eb="22">
      <t>タイサク</t>
    </rPh>
    <rPh sb="22" eb="24">
      <t>コウジ</t>
    </rPh>
    <phoneticPr fontId="1"/>
  </si>
  <si>
    <t>県道42号（厚木市三田）橋脚工事</t>
    <rPh sb="0" eb="2">
      <t>ケンドウ</t>
    </rPh>
    <rPh sb="4" eb="5">
      <t>ゴウ</t>
    </rPh>
    <rPh sb="6" eb="9">
      <t>アツギシ</t>
    </rPh>
    <rPh sb="9" eb="11">
      <t>ミタ</t>
    </rPh>
    <rPh sb="12" eb="14">
      <t>キョウキャク</t>
    </rPh>
    <rPh sb="14" eb="16">
      <t>コウジ</t>
    </rPh>
    <phoneticPr fontId="1"/>
  </si>
  <si>
    <t>一級河川串川（相模原市緑区青山）災害復旧工事</t>
    <rPh sb="0" eb="2">
      <t>イッキュウ</t>
    </rPh>
    <rPh sb="2" eb="4">
      <t>カセン</t>
    </rPh>
    <rPh sb="4" eb="6">
      <t>クシカワ</t>
    </rPh>
    <rPh sb="16" eb="18">
      <t>サイガイ</t>
    </rPh>
    <rPh sb="18" eb="20">
      <t>フッキュウ</t>
    </rPh>
    <rPh sb="20" eb="22">
      <t>コウジ</t>
    </rPh>
    <phoneticPr fontId="1"/>
  </si>
  <si>
    <t>砂防指定地玉川（平畑堰堤）改築工事</t>
    <rPh sb="8" eb="9">
      <t>ヒラ</t>
    </rPh>
    <rPh sb="9" eb="10">
      <t>バタケ</t>
    </rPh>
    <rPh sb="10" eb="12">
      <t>エンテイ</t>
    </rPh>
    <rPh sb="13" eb="15">
      <t>カイチク</t>
    </rPh>
    <rPh sb="15" eb="17">
      <t>コウジ</t>
    </rPh>
    <phoneticPr fontId="1"/>
  </si>
  <si>
    <t>平塚農業高校商業教育棟新築工事（建築－第１工区）</t>
  </si>
  <si>
    <t>横浜明朋高校西棟改修及び耐震補強工事（建築）</t>
    <rPh sb="0" eb="8">
      <t>ヨコハマメイホウコウコウニシトウ</t>
    </rPh>
    <rPh sb="8" eb="11">
      <t>カイシュウオヨ</t>
    </rPh>
    <rPh sb="12" eb="18">
      <t>タイシンホキョウコウジ</t>
    </rPh>
    <rPh sb="19" eb="21">
      <t>ケンチク</t>
    </rPh>
    <phoneticPr fontId="3"/>
  </si>
  <si>
    <t>砂防指定地畑沢（山北町谷ケ）災害復旧工事</t>
    <rPh sb="0" eb="5">
      <t>サボウシテイチ</t>
    </rPh>
    <rPh sb="5" eb="7">
      <t>ハタザワ</t>
    </rPh>
    <rPh sb="8" eb="11">
      <t>ヤマキタマチ</t>
    </rPh>
    <rPh sb="11" eb="13">
      <t>ヤガ</t>
    </rPh>
    <rPh sb="14" eb="16">
      <t>サイガイ</t>
    </rPh>
    <rPh sb="16" eb="18">
      <t>フッキュウ</t>
    </rPh>
    <rPh sb="18" eb="20">
      <t>コウジ</t>
    </rPh>
    <phoneticPr fontId="1"/>
  </si>
  <si>
    <t>県道64号（坂本橋）耐震補強工事</t>
    <rPh sb="6" eb="8">
      <t>サカモト</t>
    </rPh>
    <phoneticPr fontId="1"/>
  </si>
  <si>
    <t>県道709号（小田原市小竹）道路災害防除工事</t>
    <rPh sb="0" eb="2">
      <t>ケンドウ</t>
    </rPh>
    <rPh sb="5" eb="6">
      <t>ゴウ</t>
    </rPh>
    <rPh sb="7" eb="11">
      <t>オダワラシ</t>
    </rPh>
    <rPh sb="11" eb="13">
      <t>オダケ</t>
    </rPh>
    <rPh sb="14" eb="16">
      <t>ドウロ</t>
    </rPh>
    <rPh sb="16" eb="18">
      <t>サイガイ</t>
    </rPh>
    <rPh sb="18" eb="20">
      <t>ボウジョ</t>
    </rPh>
    <rPh sb="20" eb="22">
      <t>コウジ</t>
    </rPh>
    <phoneticPr fontId="1"/>
  </si>
  <si>
    <t>二級河川引地川（藤沢市下土棚）右岸護岸工事</t>
    <rPh sb="0" eb="2">
      <t>ニキュウ</t>
    </rPh>
    <rPh sb="2" eb="4">
      <t>カセン</t>
    </rPh>
    <rPh sb="4" eb="6">
      <t>ヒキチ</t>
    </rPh>
    <rPh sb="6" eb="7">
      <t>ガワ</t>
    </rPh>
    <rPh sb="8" eb="11">
      <t>フジサワシ</t>
    </rPh>
    <rPh sb="11" eb="14">
      <t>シモツチダナ</t>
    </rPh>
    <rPh sb="17" eb="19">
      <t>ゴガン</t>
    </rPh>
    <rPh sb="19" eb="21">
      <t>コウジ</t>
    </rPh>
    <phoneticPr fontId="1"/>
  </si>
  <si>
    <t>湯河原海岸海岸高潮対策工事</t>
    <rPh sb="0" eb="3">
      <t>ユガワラ</t>
    </rPh>
    <rPh sb="3" eb="5">
      <t>カイガン</t>
    </rPh>
    <rPh sb="5" eb="7">
      <t>カイガン</t>
    </rPh>
    <rPh sb="7" eb="9">
      <t>タカシオ</t>
    </rPh>
    <rPh sb="9" eb="11">
      <t>タイサク</t>
    </rPh>
    <rPh sb="11" eb="13">
      <t>コウジ</t>
    </rPh>
    <phoneticPr fontId="1"/>
  </si>
  <si>
    <t>二級河川金目川（平塚市南金目）災害復旧工事</t>
    <rPh sb="0" eb="7">
      <t>ニキュウカセンカナメガワ</t>
    </rPh>
    <rPh sb="15" eb="17">
      <t>サイガイ</t>
    </rPh>
    <rPh sb="17" eb="19">
      <t>フッキュウ</t>
    </rPh>
    <rPh sb="19" eb="21">
      <t>コウジ</t>
    </rPh>
    <phoneticPr fontId="1"/>
  </si>
  <si>
    <t>県道611号（大山バイパス）橋台工事</t>
    <rPh sb="0" eb="2">
      <t>ケンドウ</t>
    </rPh>
    <rPh sb="5" eb="6">
      <t>ゴウ</t>
    </rPh>
    <rPh sb="7" eb="9">
      <t>オオヤマ</t>
    </rPh>
    <phoneticPr fontId="1"/>
  </si>
  <si>
    <t>二級河川境川（横浜市泉区上飯田町）河川改修工事</t>
    <rPh sb="0" eb="2">
      <t>ニキュウ</t>
    </rPh>
    <rPh sb="2" eb="4">
      <t>カセン</t>
    </rPh>
    <rPh sb="4" eb="6">
      <t>サカイガワ</t>
    </rPh>
    <rPh sb="17" eb="19">
      <t>カセン</t>
    </rPh>
    <rPh sb="19" eb="21">
      <t>カイシュウ</t>
    </rPh>
    <rPh sb="21" eb="23">
      <t>コウジ</t>
    </rPh>
    <phoneticPr fontId="1"/>
  </si>
  <si>
    <t>万田地区急傾斜地崩壊対策工事</t>
    <rPh sb="0" eb="2">
      <t>マンダ</t>
    </rPh>
    <rPh sb="2" eb="4">
      <t>チク</t>
    </rPh>
    <rPh sb="4" eb="5">
      <t>キュウ</t>
    </rPh>
    <rPh sb="5" eb="8">
      <t>ケイシャチ</t>
    </rPh>
    <rPh sb="8" eb="10">
      <t>ホウカイ</t>
    </rPh>
    <rPh sb="10" eb="12">
      <t>タイサク</t>
    </rPh>
    <rPh sb="12" eb="14">
      <t>コウジ</t>
    </rPh>
    <phoneticPr fontId="1"/>
  </si>
  <si>
    <t>地方港湾大磯港係留施設整備工事</t>
    <rPh sb="0" eb="2">
      <t>チホウ</t>
    </rPh>
    <rPh sb="2" eb="4">
      <t>コウワン</t>
    </rPh>
    <rPh sb="4" eb="7">
      <t>オオイソコウ</t>
    </rPh>
    <rPh sb="7" eb="9">
      <t>ケイリュウ</t>
    </rPh>
    <rPh sb="9" eb="11">
      <t>シセツ</t>
    </rPh>
    <rPh sb="11" eb="13">
      <t>セイビ</t>
    </rPh>
    <rPh sb="13" eb="15">
      <t>コウジ</t>
    </rPh>
    <phoneticPr fontId="1"/>
  </si>
  <si>
    <t>国道135号（湯河原町吉浜）道路災害防除工事</t>
    <rPh sb="0" eb="2">
      <t>コクドウ</t>
    </rPh>
    <rPh sb="5" eb="6">
      <t>ゴウ</t>
    </rPh>
    <rPh sb="7" eb="11">
      <t>ユガワラマチ</t>
    </rPh>
    <rPh sb="11" eb="13">
      <t>ヨシハマ</t>
    </rPh>
    <rPh sb="14" eb="16">
      <t>ドウロ</t>
    </rPh>
    <rPh sb="16" eb="18">
      <t>サイガイ</t>
    </rPh>
    <rPh sb="18" eb="20">
      <t>ボウジョ</t>
    </rPh>
    <rPh sb="20" eb="22">
      <t>コウジ</t>
    </rPh>
    <phoneticPr fontId="1"/>
  </si>
  <si>
    <t>県道42号（座間市入谷東一丁目）道路災害防除工事</t>
    <rPh sb="0" eb="2">
      <t>ケンドウ</t>
    </rPh>
    <rPh sb="4" eb="5">
      <t>ゴウ</t>
    </rPh>
    <rPh sb="6" eb="9">
      <t>ザマシ</t>
    </rPh>
    <rPh sb="9" eb="11">
      <t>イリヤ</t>
    </rPh>
    <rPh sb="11" eb="12">
      <t>ヒガシ</t>
    </rPh>
    <rPh sb="12" eb="15">
      <t>イッチョウメ</t>
    </rPh>
    <rPh sb="16" eb="18">
      <t>ドウロ</t>
    </rPh>
    <rPh sb="18" eb="20">
      <t>サイガイ</t>
    </rPh>
    <rPh sb="20" eb="22">
      <t>ボウジョ</t>
    </rPh>
    <rPh sb="22" eb="24">
      <t>コウジ</t>
    </rPh>
    <phoneticPr fontId="1"/>
  </si>
  <si>
    <t>地方港湾湘南港臨港道路舗装工事</t>
    <rPh sb="0" eb="2">
      <t>チホウ</t>
    </rPh>
    <rPh sb="2" eb="4">
      <t>コウワン</t>
    </rPh>
    <rPh sb="4" eb="6">
      <t>ショウナン</t>
    </rPh>
    <rPh sb="6" eb="7">
      <t>コウ</t>
    </rPh>
    <rPh sb="7" eb="9">
      <t>リンコウ</t>
    </rPh>
    <rPh sb="9" eb="11">
      <t>ドウロ</t>
    </rPh>
    <rPh sb="11" eb="13">
      <t>ホソウ</t>
    </rPh>
    <rPh sb="13" eb="15">
      <t>コウジ</t>
    </rPh>
    <phoneticPr fontId="1"/>
  </si>
  <si>
    <t>県道736号（箱根町仙石原）災害復旧工事</t>
    <rPh sb="0" eb="2">
      <t>ケンドウ</t>
    </rPh>
    <rPh sb="5" eb="6">
      <t>ゴウ</t>
    </rPh>
    <rPh sb="7" eb="10">
      <t>ハコネマチ</t>
    </rPh>
    <rPh sb="10" eb="13">
      <t>センゴクハラ</t>
    </rPh>
    <rPh sb="14" eb="16">
      <t>サイガイ</t>
    </rPh>
    <rPh sb="16" eb="18">
      <t>フッキュウ</t>
    </rPh>
    <rPh sb="18" eb="20">
      <t>コウジ</t>
    </rPh>
    <phoneticPr fontId="1"/>
  </si>
  <si>
    <t>本郷町Ｃ地区急傾斜地崩壊対策工事</t>
    <rPh sb="0" eb="2">
      <t>ホンゴウ</t>
    </rPh>
    <rPh sb="2" eb="3">
      <t>マチ</t>
    </rPh>
    <rPh sb="4" eb="6">
      <t>チク</t>
    </rPh>
    <rPh sb="6" eb="7">
      <t>キュウ</t>
    </rPh>
    <rPh sb="7" eb="10">
      <t>ケイシャチ</t>
    </rPh>
    <rPh sb="10" eb="12">
      <t>ホウカイ</t>
    </rPh>
    <rPh sb="12" eb="14">
      <t>タイサク</t>
    </rPh>
    <rPh sb="14" eb="16">
      <t>コウジ</t>
    </rPh>
    <phoneticPr fontId="1"/>
  </si>
  <si>
    <t>国道134号（湘南大橋）耐震補強工事</t>
    <rPh sb="0" eb="2">
      <t>コクドウ</t>
    </rPh>
    <rPh sb="5" eb="6">
      <t>ゴウ</t>
    </rPh>
    <phoneticPr fontId="1"/>
  </si>
  <si>
    <t>県道61号（伊勢原市伊勢原三丁目）電線共同溝設置工事</t>
    <rPh sb="0" eb="2">
      <t>ケンドウ</t>
    </rPh>
    <rPh sb="4" eb="5">
      <t>ゴウ</t>
    </rPh>
    <rPh sb="6" eb="10">
      <t>イセハラシ</t>
    </rPh>
    <rPh sb="10" eb="13">
      <t>イセハラ</t>
    </rPh>
    <rPh sb="13" eb="16">
      <t>サンチョウメ</t>
    </rPh>
    <rPh sb="17" eb="22">
      <t>デンセンキョウドウコウ</t>
    </rPh>
    <rPh sb="22" eb="24">
      <t>セッチ</t>
    </rPh>
    <rPh sb="24" eb="26">
      <t>コウジ</t>
    </rPh>
    <phoneticPr fontId="1"/>
  </si>
  <si>
    <t>二級河川侍従川（横浜市金沢区六浦四丁目）河川改修工事</t>
    <rPh sb="0" eb="2">
      <t>ニキュウ</t>
    </rPh>
    <rPh sb="2" eb="4">
      <t>カセン</t>
    </rPh>
    <rPh sb="4" eb="6">
      <t>ジジュウ</t>
    </rPh>
    <rPh sb="6" eb="7">
      <t>ガワ</t>
    </rPh>
    <rPh sb="20" eb="22">
      <t>カセン</t>
    </rPh>
    <rPh sb="22" eb="24">
      <t>カイシュウ</t>
    </rPh>
    <rPh sb="24" eb="26">
      <t>コウジ</t>
    </rPh>
    <phoneticPr fontId="1"/>
  </si>
  <si>
    <t>二級河川酒匂川（谷戸大橋付近）災害復旧工事</t>
    <rPh sb="0" eb="2">
      <t>ニキュウ</t>
    </rPh>
    <rPh sb="2" eb="4">
      <t>カセン</t>
    </rPh>
    <rPh sb="4" eb="6">
      <t>サカワ</t>
    </rPh>
    <rPh sb="6" eb="7">
      <t>ガワ</t>
    </rPh>
    <rPh sb="8" eb="10">
      <t>ヤト</t>
    </rPh>
    <rPh sb="10" eb="12">
      <t>オオハシ</t>
    </rPh>
    <rPh sb="12" eb="14">
      <t>フキン</t>
    </rPh>
    <rPh sb="15" eb="17">
      <t>サイガイ</t>
    </rPh>
    <rPh sb="17" eb="19">
      <t>フッキュウ</t>
    </rPh>
    <rPh sb="19" eb="21">
      <t>コウジ</t>
    </rPh>
    <phoneticPr fontId="1"/>
  </si>
  <si>
    <t>一級河川相模川（海老名市河原口）高水敷掘削工事</t>
    <rPh sb="8" eb="12">
      <t>エビナシ</t>
    </rPh>
    <phoneticPr fontId="1"/>
  </si>
  <si>
    <t>山ノ内瑞鹿山地区急傾斜地崩壊対策工事</t>
    <rPh sb="8" eb="9">
      <t>キュウ</t>
    </rPh>
    <rPh sb="9" eb="12">
      <t>ケイシャチ</t>
    </rPh>
    <rPh sb="12" eb="14">
      <t>ホウカイ</t>
    </rPh>
    <rPh sb="14" eb="16">
      <t>タイサク</t>
    </rPh>
    <rPh sb="16" eb="18">
      <t>コウジ</t>
    </rPh>
    <phoneticPr fontId="1"/>
  </si>
  <si>
    <t>田浦大作災害復旧工事</t>
    <rPh sb="0" eb="2">
      <t>タウラ</t>
    </rPh>
    <rPh sb="2" eb="4">
      <t>オオサク</t>
    </rPh>
    <rPh sb="4" eb="6">
      <t>サイガイ</t>
    </rPh>
    <rPh sb="6" eb="8">
      <t>フッキュウ</t>
    </rPh>
    <rPh sb="8" eb="10">
      <t>コウジ</t>
    </rPh>
    <phoneticPr fontId="1"/>
  </si>
  <si>
    <t>水余地区排水路整備工事</t>
    <rPh sb="0" eb="2">
      <t>ミヨ</t>
    </rPh>
    <rPh sb="7" eb="9">
      <t>セイビ</t>
    </rPh>
    <phoneticPr fontId="1"/>
  </si>
  <si>
    <t>東沢災害関連緊急治山工事</t>
  </si>
  <si>
    <t>寒川町田端地内配水管改良工事</t>
    <rPh sb="5" eb="7">
      <t>チナイ</t>
    </rPh>
    <phoneticPr fontId="1"/>
  </si>
  <si>
    <t>一級河川相模川（相模原市緑区大島）災害復旧工事</t>
    <rPh sb="8" eb="12">
      <t>サガミハラシ</t>
    </rPh>
    <rPh sb="12" eb="14">
      <t>ミドリク</t>
    </rPh>
    <rPh sb="14" eb="16">
      <t>オオシマ</t>
    </rPh>
    <rPh sb="17" eb="19">
      <t>サイガイ</t>
    </rPh>
    <rPh sb="19" eb="21">
      <t>フッキュウ</t>
    </rPh>
    <phoneticPr fontId="1"/>
  </si>
  <si>
    <t>茅ヶ崎市萩園地内配水管改良工事</t>
    <rPh sb="6" eb="8">
      <t>チナイ</t>
    </rPh>
    <phoneticPr fontId="1"/>
  </si>
  <si>
    <t>県道64号（古在家バイパス）橋台工事</t>
    <rPh sb="0" eb="2">
      <t>ケンドウ</t>
    </rPh>
    <rPh sb="4" eb="5">
      <t>ゴウ</t>
    </rPh>
    <rPh sb="6" eb="9">
      <t>コザイケ</t>
    </rPh>
    <rPh sb="14" eb="16">
      <t>キョウダイ</t>
    </rPh>
    <rPh sb="16" eb="18">
      <t>コウジ</t>
    </rPh>
    <phoneticPr fontId="1"/>
  </si>
  <si>
    <t>国道138号（箱根町仙石原）災害復旧工事</t>
    <rPh sb="0" eb="2">
      <t>コクドウ</t>
    </rPh>
    <rPh sb="5" eb="6">
      <t>ゴウ</t>
    </rPh>
    <rPh sb="7" eb="10">
      <t>ハコネマチ</t>
    </rPh>
    <rPh sb="10" eb="13">
      <t>センゴクハラ</t>
    </rPh>
    <rPh sb="14" eb="16">
      <t>サイガイ</t>
    </rPh>
    <rPh sb="16" eb="18">
      <t>フッキュウ</t>
    </rPh>
    <rPh sb="18" eb="20">
      <t>コウジ</t>
    </rPh>
    <phoneticPr fontId="1"/>
  </si>
  <si>
    <t>桜山９丁目Ａ地区急傾斜地崩壊対策工事</t>
    <rPh sb="0" eb="2">
      <t>サクラヤマ</t>
    </rPh>
    <rPh sb="3" eb="5">
      <t>チョウメ</t>
    </rPh>
    <rPh sb="6" eb="8">
      <t>チク</t>
    </rPh>
    <rPh sb="8" eb="9">
      <t>キュウ</t>
    </rPh>
    <rPh sb="9" eb="12">
      <t>ケイシャチ</t>
    </rPh>
    <rPh sb="12" eb="14">
      <t>ホウカイ</t>
    </rPh>
    <rPh sb="14" eb="16">
      <t>タイサク</t>
    </rPh>
    <rPh sb="16" eb="18">
      <t>コウジ</t>
    </rPh>
    <phoneticPr fontId="1"/>
  </si>
  <si>
    <t>二級河川金目川（平塚市唐ヶ原）河川改修工事</t>
    <rPh sb="0" eb="2">
      <t>ニキュウ</t>
    </rPh>
    <rPh sb="2" eb="4">
      <t>カセン</t>
    </rPh>
    <rPh sb="4" eb="6">
      <t>カナメ</t>
    </rPh>
    <rPh sb="6" eb="7">
      <t>ガワ</t>
    </rPh>
    <rPh sb="8" eb="11">
      <t>ヒラツカシ</t>
    </rPh>
    <rPh sb="11" eb="14">
      <t>トウガハラ</t>
    </rPh>
    <rPh sb="15" eb="17">
      <t>カセン</t>
    </rPh>
    <rPh sb="17" eb="19">
      <t>カイシュウ</t>
    </rPh>
    <rPh sb="19" eb="21">
      <t>コウジ</t>
    </rPh>
    <phoneticPr fontId="1"/>
  </si>
  <si>
    <t>一級河川道志川（相模原市緑区青根）災害復旧工事</t>
    <rPh sb="0" eb="2">
      <t>イッキュウ</t>
    </rPh>
    <rPh sb="2" eb="4">
      <t>カセン</t>
    </rPh>
    <rPh sb="4" eb="6">
      <t>ドウシ</t>
    </rPh>
    <rPh sb="6" eb="7">
      <t>ガワ</t>
    </rPh>
    <rPh sb="17" eb="19">
      <t>サイガイ</t>
    </rPh>
    <rPh sb="19" eb="21">
      <t>フッキュウ</t>
    </rPh>
    <rPh sb="21" eb="23">
      <t>コウジ</t>
    </rPh>
    <phoneticPr fontId="1"/>
  </si>
  <si>
    <t>三浦縦貫道路Ⅱ期（４工区整備工）道路改良工事</t>
  </si>
  <si>
    <t>三浦縦貫道路Ⅱ期（Ｄランプ整備工）道路改良工事</t>
  </si>
  <si>
    <t>二級河川酒匂川（山北町山北）災害復旧工事</t>
    <rPh sb="0" eb="2">
      <t>ニキュウ</t>
    </rPh>
    <rPh sb="2" eb="4">
      <t>カセン</t>
    </rPh>
    <rPh sb="4" eb="6">
      <t>サカワ</t>
    </rPh>
    <rPh sb="6" eb="7">
      <t>ガワ</t>
    </rPh>
    <rPh sb="8" eb="11">
      <t>ヤマキタマチ</t>
    </rPh>
    <rPh sb="11" eb="13">
      <t>ヤマキタ</t>
    </rPh>
    <rPh sb="14" eb="16">
      <t>サイガイ</t>
    </rPh>
    <rPh sb="16" eb="18">
      <t>フッキュウ</t>
    </rPh>
    <rPh sb="18" eb="20">
      <t>コウジ</t>
    </rPh>
    <phoneticPr fontId="1"/>
  </si>
  <si>
    <t>都市計画道路横浜藤沢線（鎌倉市関谷）道路改良工事</t>
    <rPh sb="0" eb="2">
      <t>トシ</t>
    </rPh>
    <rPh sb="2" eb="4">
      <t>ケイカク</t>
    </rPh>
    <rPh sb="4" eb="6">
      <t>ドウロ</t>
    </rPh>
    <rPh sb="6" eb="8">
      <t>ヨコハマ</t>
    </rPh>
    <rPh sb="8" eb="10">
      <t>フジサワ</t>
    </rPh>
    <rPh sb="10" eb="11">
      <t>セン</t>
    </rPh>
    <rPh sb="12" eb="15">
      <t>カマクラシ</t>
    </rPh>
    <rPh sb="15" eb="17">
      <t>セキヤ</t>
    </rPh>
    <rPh sb="18" eb="20">
      <t>ドウロ</t>
    </rPh>
    <rPh sb="20" eb="22">
      <t>カイリョウ</t>
    </rPh>
    <rPh sb="22" eb="24">
      <t>コウジ</t>
    </rPh>
    <phoneticPr fontId="1"/>
  </si>
  <si>
    <t>三浦縦貫道路Ⅱ期（本線舗装工）道路改良工事</t>
  </si>
  <si>
    <t>藤沢市鵠沼海岸７丁目地内配水管改良工事</t>
    <rPh sb="10" eb="12">
      <t>チナイ</t>
    </rPh>
    <phoneticPr fontId="1"/>
  </si>
  <si>
    <t>道中地区急傾斜地崩壊対策工事</t>
    <rPh sb="0" eb="2">
      <t>ドウチュウ</t>
    </rPh>
    <rPh sb="2" eb="4">
      <t>チク</t>
    </rPh>
    <rPh sb="4" eb="5">
      <t>キュウ</t>
    </rPh>
    <rPh sb="5" eb="8">
      <t>ケイシャチ</t>
    </rPh>
    <rPh sb="8" eb="14">
      <t>ホウカイタイサクコウジ</t>
    </rPh>
    <phoneticPr fontId="1"/>
  </si>
  <si>
    <t>下土棚遊水地越流堤工事</t>
    <rPh sb="0" eb="3">
      <t>シモツチダナ</t>
    </rPh>
    <rPh sb="3" eb="6">
      <t>ユウスイチ</t>
    </rPh>
    <rPh sb="6" eb="8">
      <t>エツリュウ</t>
    </rPh>
    <rPh sb="8" eb="9">
      <t>ツツミ</t>
    </rPh>
    <rPh sb="9" eb="11">
      <t>コウジ</t>
    </rPh>
    <phoneticPr fontId="1"/>
  </si>
  <si>
    <t>二級河川酒匂川（新鮎沢橋付近）災害復旧工事</t>
    <rPh sb="0" eb="2">
      <t>ニキュウ</t>
    </rPh>
    <rPh sb="2" eb="4">
      <t>カセン</t>
    </rPh>
    <rPh sb="4" eb="6">
      <t>サカワ</t>
    </rPh>
    <rPh sb="6" eb="7">
      <t>ガワ</t>
    </rPh>
    <rPh sb="8" eb="9">
      <t>シン</t>
    </rPh>
    <rPh sb="9" eb="11">
      <t>アユサワ</t>
    </rPh>
    <rPh sb="11" eb="12">
      <t>バシ</t>
    </rPh>
    <rPh sb="12" eb="14">
      <t>フキン</t>
    </rPh>
    <rPh sb="15" eb="17">
      <t>サイガイ</t>
    </rPh>
    <rPh sb="17" eb="19">
      <t>フッキュウ</t>
    </rPh>
    <rPh sb="19" eb="21">
      <t>コウジ</t>
    </rPh>
    <phoneticPr fontId="1"/>
  </si>
  <si>
    <t>相模原市南区下溝地内配水管改良工事</t>
    <rPh sb="8" eb="10">
      <t>チナイ</t>
    </rPh>
    <phoneticPr fontId="1"/>
  </si>
  <si>
    <t>相模原市緑区大島地内配水管改良工事</t>
    <rPh sb="8" eb="10">
      <t>チナイ</t>
    </rPh>
    <phoneticPr fontId="1"/>
  </si>
  <si>
    <t>藤沢市渡内２丁目地内配水管改良工事</t>
    <rPh sb="8" eb="10">
      <t>チナイ</t>
    </rPh>
    <phoneticPr fontId="1"/>
  </si>
  <si>
    <t>水道</t>
  </si>
  <si>
    <t>建築</t>
  </si>
  <si>
    <t>設備等</t>
    <rPh sb="0" eb="2">
      <t>セツビ</t>
    </rPh>
    <phoneticPr fontId="22"/>
  </si>
  <si>
    <t>R3</t>
    <phoneticPr fontId="22"/>
  </si>
  <si>
    <t>R4</t>
    <phoneticPr fontId="22"/>
  </si>
  <si>
    <t>株式会社加藤工務店</t>
    <rPh sb="0" eb="2">
      <t>カブシキ</t>
    </rPh>
    <rPh sb="2" eb="4">
      <t>カイシャ</t>
    </rPh>
    <rPh sb="4" eb="6">
      <t>カトウ</t>
    </rPh>
    <rPh sb="6" eb="9">
      <t>コウムテン</t>
    </rPh>
    <phoneticPr fontId="4"/>
  </si>
  <si>
    <t>株式会社伊達建設</t>
    <rPh sb="0" eb="4">
      <t>カブシキガイシャ</t>
    </rPh>
    <rPh sb="4" eb="6">
      <t>ダテ</t>
    </rPh>
    <rPh sb="6" eb="8">
      <t>ケンセツ</t>
    </rPh>
    <phoneticPr fontId="2"/>
  </si>
  <si>
    <t>株式会社日本ビオトープ</t>
    <rPh sb="0" eb="2">
      <t>カブシキ</t>
    </rPh>
    <rPh sb="2" eb="4">
      <t>カイシャ</t>
    </rPh>
    <rPh sb="4" eb="6">
      <t>ニホン</t>
    </rPh>
    <phoneticPr fontId="8"/>
  </si>
  <si>
    <t xml:space="preserve">有限会社林土木工業
</t>
    <rPh sb="0" eb="2">
      <t>ユウゲン</t>
    </rPh>
    <rPh sb="2" eb="4">
      <t>カイシャ</t>
    </rPh>
    <rPh sb="4" eb="5">
      <t>ハヤシ</t>
    </rPh>
    <rPh sb="5" eb="7">
      <t>ドボク</t>
    </rPh>
    <rPh sb="7" eb="9">
      <t>コウギョウ</t>
    </rPh>
    <phoneticPr fontId="15"/>
  </si>
  <si>
    <t>根布・長瀬特定建設工事共同企業体</t>
  </si>
  <si>
    <t>メタウォーター株式会社
横浜営業所</t>
    <rPh sb="7" eb="9">
      <t>カブシキ</t>
    </rPh>
    <rPh sb="9" eb="11">
      <t>カイシャ</t>
    </rPh>
    <rPh sb="12" eb="14">
      <t>ヨコハマ</t>
    </rPh>
    <rPh sb="14" eb="17">
      <t>エイギョウショ</t>
    </rPh>
    <phoneticPr fontId="2"/>
  </si>
  <si>
    <t>株式会社鈴木組</t>
    <rPh sb="0" eb="2">
      <t>カブシキ</t>
    </rPh>
    <rPh sb="2" eb="4">
      <t>カイシャ</t>
    </rPh>
    <rPh sb="4" eb="7">
      <t>スズキグミ</t>
    </rPh>
    <phoneticPr fontId="3"/>
  </si>
  <si>
    <t>株式会社小島組</t>
    <rPh sb="0" eb="4">
      <t>カブシキガイシャ</t>
    </rPh>
    <rPh sb="4" eb="7">
      <t>コジマグミ</t>
    </rPh>
    <phoneticPr fontId="2"/>
  </si>
  <si>
    <t>株式会社菊地原建設工業</t>
    <rPh sb="0" eb="2">
      <t>カブシキ</t>
    </rPh>
    <rPh sb="2" eb="4">
      <t>カイシャ</t>
    </rPh>
    <rPh sb="4" eb="7">
      <t>キクチハラ</t>
    </rPh>
    <rPh sb="7" eb="9">
      <t>ケンセツ</t>
    </rPh>
    <rPh sb="9" eb="11">
      <t>コウギョウ</t>
    </rPh>
    <phoneticPr fontId="3"/>
  </si>
  <si>
    <t>有限会社西村組</t>
    <rPh sb="0" eb="4">
      <t>ユウゲンカイシャ</t>
    </rPh>
    <phoneticPr fontId="2"/>
  </si>
  <si>
    <t>株式会社星建設</t>
    <rPh sb="0" eb="4">
      <t>カブシキガイシャ</t>
    </rPh>
    <rPh sb="4" eb="5">
      <t>ホシ</t>
    </rPh>
    <rPh sb="5" eb="7">
      <t>ケンセツ</t>
    </rPh>
    <phoneticPr fontId="4"/>
  </si>
  <si>
    <t>有限会社小島組</t>
    <rPh sb="0" eb="2">
      <t>ユウゲン</t>
    </rPh>
    <rPh sb="2" eb="4">
      <t>カイシャ</t>
    </rPh>
    <rPh sb="4" eb="7">
      <t>コジマグミ</t>
    </rPh>
    <phoneticPr fontId="3"/>
  </si>
  <si>
    <t>東海林工株式会社</t>
    <rPh sb="0" eb="2">
      <t>トウカイ</t>
    </rPh>
    <rPh sb="2" eb="4">
      <t>リンコウ</t>
    </rPh>
    <rPh sb="4" eb="8">
      <t>カブシキガイシャ</t>
    </rPh>
    <phoneticPr fontId="4"/>
  </si>
  <si>
    <t>三和建設株式会社</t>
    <rPh sb="4" eb="6">
      <t>カブシキ</t>
    </rPh>
    <rPh sb="6" eb="8">
      <t>カイシャ</t>
    </rPh>
    <phoneticPr fontId="2"/>
  </si>
  <si>
    <t>株式会社勝俣組</t>
    <rPh sb="0" eb="2">
      <t>カブシキ</t>
    </rPh>
    <rPh sb="2" eb="4">
      <t>カイシャ</t>
    </rPh>
    <rPh sb="4" eb="7">
      <t>カツマタグミ</t>
    </rPh>
    <phoneticPr fontId="12"/>
  </si>
  <si>
    <t>株式会社コハラ</t>
    <rPh sb="0" eb="2">
      <t>カブシキ</t>
    </rPh>
    <rPh sb="2" eb="4">
      <t>カイシャ</t>
    </rPh>
    <phoneticPr fontId="2"/>
  </si>
  <si>
    <t>株式会社渡栄土木</t>
    <rPh sb="0" eb="2">
      <t>カブシキ</t>
    </rPh>
    <rPh sb="2" eb="4">
      <t>カイシャ</t>
    </rPh>
    <phoneticPr fontId="2"/>
  </si>
  <si>
    <t>株式会社山本組</t>
    <rPh sb="0" eb="4">
      <t>カブシキカイシャ</t>
    </rPh>
    <rPh sb="4" eb="6">
      <t>ヤマモト</t>
    </rPh>
    <rPh sb="6" eb="7">
      <t>グミ</t>
    </rPh>
    <phoneticPr fontId="3"/>
  </si>
  <si>
    <t>有限会社三浦組</t>
    <rPh sb="0" eb="4">
      <t>ユウゲンカイシャ</t>
    </rPh>
    <rPh sb="4" eb="7">
      <t>ミウラグミ</t>
    </rPh>
    <phoneticPr fontId="3"/>
  </si>
  <si>
    <t>株式会社ナカムラ</t>
    <rPh sb="0" eb="4">
      <t>カブシキガイシャ</t>
    </rPh>
    <phoneticPr fontId="4"/>
  </si>
  <si>
    <t>木下建設株式会社</t>
    <rPh sb="0" eb="2">
      <t>キノシタ</t>
    </rPh>
    <rPh sb="2" eb="4">
      <t>ケンセツ</t>
    </rPh>
    <rPh sb="4" eb="8">
      <t>カブシキガイシャ</t>
    </rPh>
    <phoneticPr fontId="4"/>
  </si>
  <si>
    <t>有限会社足立工務店</t>
    <rPh sb="0" eb="4">
      <t>ユウゲンカイシャ</t>
    </rPh>
    <phoneticPr fontId="2"/>
  </si>
  <si>
    <t>山崎水道建設株式会社</t>
    <rPh sb="6" eb="10">
      <t>カブシキガイシャ</t>
    </rPh>
    <phoneticPr fontId="2"/>
  </si>
  <si>
    <t>有限会社山下建材</t>
  </si>
  <si>
    <t>湘南アーキテクチュア株式会社</t>
    <rPh sb="0" eb="2">
      <t>ショウナン</t>
    </rPh>
    <rPh sb="10" eb="14">
      <t>カブシキガイシャ</t>
    </rPh>
    <phoneticPr fontId="2"/>
  </si>
  <si>
    <t>株式会社古谷水道建設</t>
    <rPh sb="0" eb="2">
      <t>カブシキ</t>
    </rPh>
    <rPh sb="2" eb="4">
      <t>カイシャ</t>
    </rPh>
    <phoneticPr fontId="2"/>
  </si>
  <si>
    <t xml:space="preserve">穐本興業株式会社
</t>
    <rPh sb="0" eb="1">
      <t>シュウ</t>
    </rPh>
    <rPh sb="1" eb="2">
      <t>モト</t>
    </rPh>
    <rPh sb="2" eb="4">
      <t>コウギョウ</t>
    </rPh>
    <rPh sb="4" eb="6">
      <t>カブシキ</t>
    </rPh>
    <rPh sb="6" eb="8">
      <t>カイシャ</t>
    </rPh>
    <phoneticPr fontId="15"/>
  </si>
  <si>
    <t>有限会社吉川設備</t>
    <rPh sb="0" eb="4">
      <t>ユウゲンカイシャ</t>
    </rPh>
    <phoneticPr fontId="2"/>
  </si>
  <si>
    <t>株式会社クレスコ　</t>
    <rPh sb="0" eb="4">
      <t>カブシキカイシャ</t>
    </rPh>
    <phoneticPr fontId="15"/>
  </si>
  <si>
    <t>株式会社花和産業</t>
    <rPh sb="0" eb="2">
      <t>カブシキ</t>
    </rPh>
    <rPh sb="2" eb="4">
      <t>カイシャ</t>
    </rPh>
    <rPh sb="4" eb="5">
      <t>ハナ</t>
    </rPh>
    <phoneticPr fontId="15"/>
  </si>
  <si>
    <t>有限会社協栄産業</t>
    <rPh sb="0" eb="2">
      <t>ユウゲン</t>
    </rPh>
    <rPh sb="2" eb="4">
      <t>カイシャ</t>
    </rPh>
    <phoneticPr fontId="2"/>
  </si>
  <si>
    <t>宇内建設株式会社</t>
    <rPh sb="4" eb="8">
      <t>カブシキガイシャ</t>
    </rPh>
    <phoneticPr fontId="0"/>
  </si>
  <si>
    <t>株式会社入内島土建</t>
    <rPh sb="0" eb="2">
      <t>カブシキ</t>
    </rPh>
    <rPh sb="2" eb="4">
      <t>カイシャ</t>
    </rPh>
    <phoneticPr fontId="2"/>
  </si>
  <si>
    <t>富士通ネットワークソリューションズ株式会社</t>
    <rPh sb="0" eb="3">
      <t>フジツウ</t>
    </rPh>
    <rPh sb="17" eb="19">
      <t>カブシキ</t>
    </rPh>
    <rPh sb="19" eb="21">
      <t>カイシャ</t>
    </rPh>
    <phoneticPr fontId="4"/>
  </si>
  <si>
    <t>東名電気有限会社</t>
    <rPh sb="0" eb="2">
      <t>トウメイ</t>
    </rPh>
    <rPh sb="2" eb="4">
      <t>デンキ</t>
    </rPh>
    <rPh sb="4" eb="6">
      <t>ユウゲン</t>
    </rPh>
    <rPh sb="6" eb="8">
      <t>カイシャ</t>
    </rPh>
    <phoneticPr fontId="8"/>
  </si>
  <si>
    <t>東神興業株式会社</t>
    <rPh sb="0" eb="2">
      <t>トウシン</t>
    </rPh>
    <rPh sb="2" eb="4">
      <t>コウギョウ</t>
    </rPh>
    <rPh sb="4" eb="6">
      <t>カブシキ</t>
    </rPh>
    <rPh sb="6" eb="8">
      <t>カイシャ</t>
    </rPh>
    <phoneticPr fontId="3"/>
  </si>
  <si>
    <t>鉄建基礎株式会社</t>
    <rPh sb="0" eb="2">
      <t>テッケン</t>
    </rPh>
    <rPh sb="2" eb="4">
      <t>キソ</t>
    </rPh>
    <rPh sb="4" eb="8">
      <t>カブシキカイシャ</t>
    </rPh>
    <phoneticPr fontId="3"/>
  </si>
  <si>
    <t>浅岡建設株式会社</t>
    <rPh sb="0" eb="2">
      <t>アサオカ</t>
    </rPh>
    <rPh sb="2" eb="4">
      <t>ケンセツ</t>
    </rPh>
    <rPh sb="4" eb="8">
      <t>カブシキガイシャ</t>
    </rPh>
    <phoneticPr fontId="2"/>
  </si>
  <si>
    <t>株式会社池田建設</t>
    <rPh sb="0" eb="4">
      <t>カブシキガイシャ</t>
    </rPh>
    <rPh sb="4" eb="6">
      <t>イケダ</t>
    </rPh>
    <rPh sb="6" eb="8">
      <t>ケンセツ</t>
    </rPh>
    <phoneticPr fontId="2"/>
  </si>
  <si>
    <t>瀬戸・勝俣特定建設工事共同企業体</t>
    <rPh sb="0" eb="2">
      <t>セト</t>
    </rPh>
    <rPh sb="3" eb="5">
      <t>カツマタ</t>
    </rPh>
    <rPh sb="5" eb="7">
      <t>トクテイ</t>
    </rPh>
    <rPh sb="7" eb="9">
      <t>ケンセツ</t>
    </rPh>
    <rPh sb="9" eb="11">
      <t>コウジ</t>
    </rPh>
    <rPh sb="11" eb="13">
      <t>キョウドウ</t>
    </rPh>
    <rPh sb="13" eb="16">
      <t>キギョウタイ</t>
    </rPh>
    <phoneticPr fontId="4"/>
  </si>
  <si>
    <t>日相建設株式会社</t>
    <rPh sb="4" eb="8">
      <t>カブシキカイシャ</t>
    </rPh>
    <phoneticPr fontId="2"/>
  </si>
  <si>
    <t>株式会社成和</t>
    <rPh sb="0" eb="3">
      <t>カブシキカイ</t>
    </rPh>
    <rPh sb="3" eb="4">
      <t>シャ</t>
    </rPh>
    <phoneticPr fontId="2"/>
  </si>
  <si>
    <t>株式会社加藤工務店</t>
    <rPh sb="0" eb="4">
      <t>カブシキカイシャ</t>
    </rPh>
    <rPh sb="4" eb="6">
      <t>カトウ</t>
    </rPh>
    <rPh sb="6" eb="9">
      <t>コウムテン</t>
    </rPh>
    <phoneticPr fontId="4"/>
  </si>
  <si>
    <t>株式会社西尾興産</t>
    <rPh sb="0" eb="4">
      <t>カブシキガイシャ</t>
    </rPh>
    <rPh sb="4" eb="8">
      <t>ニシオコウサン</t>
    </rPh>
    <phoneticPr fontId="4"/>
  </si>
  <si>
    <t>株式会社二幸管理</t>
    <rPh sb="0" eb="4">
      <t>カブシキガイシャ</t>
    </rPh>
    <rPh sb="4" eb="6">
      <t>ニコウ</t>
    </rPh>
    <phoneticPr fontId="13"/>
  </si>
  <si>
    <t>光陽特殊工業株式会社</t>
    <rPh sb="0" eb="1">
      <t>コウ</t>
    </rPh>
    <rPh sb="1" eb="2">
      <t>ヨウ</t>
    </rPh>
    <rPh sb="2" eb="4">
      <t>トクシュ</t>
    </rPh>
    <rPh sb="4" eb="6">
      <t>コウギョウ</t>
    </rPh>
    <rPh sb="6" eb="10">
      <t>カブシキガイシャ</t>
    </rPh>
    <phoneticPr fontId="3"/>
  </si>
  <si>
    <t>有限会社友希土木</t>
    <rPh sb="0" eb="4">
      <t>ユウゲンカイシャ</t>
    </rPh>
    <rPh sb="4" eb="6">
      <t>トモキ</t>
    </rPh>
    <rPh sb="6" eb="8">
      <t>ドボク</t>
    </rPh>
    <phoneticPr fontId="2"/>
  </si>
  <si>
    <t>サンハウス株式会社</t>
    <rPh sb="5" eb="9">
      <t>カブシキガイシャ</t>
    </rPh>
    <phoneticPr fontId="3"/>
  </si>
  <si>
    <t>日建工業株式会社</t>
    <rPh sb="0" eb="2">
      <t>ニッケン</t>
    </rPh>
    <rPh sb="2" eb="4">
      <t>コウギョウ</t>
    </rPh>
    <rPh sb="4" eb="8">
      <t>カブシキガイシャ</t>
    </rPh>
    <phoneticPr fontId="18"/>
  </si>
  <si>
    <t>有限会社竹内工務所</t>
    <rPh sb="0" eb="2">
      <t>ユウゲン</t>
    </rPh>
    <rPh sb="2" eb="4">
      <t>カイシャ</t>
    </rPh>
    <rPh sb="4" eb="9">
      <t>タケウチコウムショ</t>
    </rPh>
    <phoneticPr fontId="4"/>
  </si>
  <si>
    <t>株式会社柏木組土木</t>
    <rPh sb="0" eb="4">
      <t>カブシキガイシャ</t>
    </rPh>
    <rPh sb="4" eb="7">
      <t>カシワギグミ</t>
    </rPh>
    <rPh sb="7" eb="9">
      <t>ドボク</t>
    </rPh>
    <phoneticPr fontId="4"/>
  </si>
  <si>
    <t>有限会社井上工業所</t>
    <rPh sb="0" eb="4">
      <t>ユウゲンカイシャ</t>
    </rPh>
    <rPh sb="4" eb="6">
      <t>イノウエ</t>
    </rPh>
    <rPh sb="6" eb="9">
      <t>コウギョウショ</t>
    </rPh>
    <phoneticPr fontId="3"/>
  </si>
  <si>
    <t>株式会社村上組</t>
    <rPh sb="0" eb="2">
      <t>カブシキ</t>
    </rPh>
    <rPh sb="2" eb="4">
      <t>カイシャ</t>
    </rPh>
    <rPh sb="4" eb="7">
      <t>ムラカミグミ</t>
    </rPh>
    <phoneticPr fontId="4"/>
  </si>
  <si>
    <t>有限会社田谷建設</t>
    <rPh sb="0" eb="2">
      <t>ユウゲン</t>
    </rPh>
    <rPh sb="2" eb="4">
      <t>カイシャ</t>
    </rPh>
    <rPh sb="4" eb="8">
      <t>タヤケンセツ</t>
    </rPh>
    <phoneticPr fontId="4"/>
  </si>
  <si>
    <t>株式会社山本工務店</t>
    <rPh sb="0" eb="4">
      <t>カブシキカイシャ</t>
    </rPh>
    <rPh sb="4" eb="6">
      <t>ヤマモト</t>
    </rPh>
    <rPh sb="6" eb="9">
      <t>コウムテン</t>
    </rPh>
    <phoneticPr fontId="5"/>
  </si>
  <si>
    <t>関東緑地土木株式会社　</t>
    <rPh sb="0" eb="6">
      <t>カントウリョクチドボク</t>
    </rPh>
    <phoneticPr fontId="3"/>
  </si>
  <si>
    <t>土木</t>
    <rPh sb="0" eb="2">
      <t>ドボク</t>
    </rPh>
    <phoneticPr fontId="2"/>
  </si>
  <si>
    <t>設備等</t>
    <rPh sb="0" eb="2">
      <t>セツビ</t>
    </rPh>
    <rPh sb="2" eb="3">
      <t>トウ</t>
    </rPh>
    <phoneticPr fontId="2"/>
  </si>
  <si>
    <t>水道</t>
    <rPh sb="0" eb="2">
      <t>スイドウ</t>
    </rPh>
    <phoneticPr fontId="2"/>
  </si>
  <si>
    <t>建築</t>
    <rPh sb="0" eb="2">
      <t>ケンチク</t>
    </rPh>
    <phoneticPr fontId="2"/>
  </si>
  <si>
    <t>津久井やまゆり園千木良園舎（仮称）新築及び改修工事（衛生－第１工区）</t>
  </si>
  <si>
    <t>平塚ふじみ園管理棟他外壁等改修工事</t>
    <rPh sb="0" eb="2">
      <t>ヒラツカ</t>
    </rPh>
    <rPh sb="5" eb="6">
      <t>エン</t>
    </rPh>
    <rPh sb="6" eb="9">
      <t>カンリトウ</t>
    </rPh>
    <rPh sb="9" eb="10">
      <t>ホカ</t>
    </rPh>
    <rPh sb="10" eb="13">
      <t>ガイヘキトウ</t>
    </rPh>
    <rPh sb="13" eb="15">
      <t>カイシュウ</t>
    </rPh>
    <rPh sb="15" eb="17">
      <t>コウジ</t>
    </rPh>
    <phoneticPr fontId="4"/>
  </si>
  <si>
    <t>相模川流域下水道　左岸処理場　第二放流渠逆流防止対策工事</t>
    <rPh sb="0" eb="2">
      <t>サガミ</t>
    </rPh>
    <rPh sb="2" eb="3">
      <t>ガワ</t>
    </rPh>
    <rPh sb="3" eb="5">
      <t>リュウイキ</t>
    </rPh>
    <rPh sb="5" eb="8">
      <t>ゲスイドウ</t>
    </rPh>
    <rPh sb="9" eb="11">
      <t>サガン</t>
    </rPh>
    <rPh sb="11" eb="14">
      <t>ショリジョウ</t>
    </rPh>
    <rPh sb="15" eb="16">
      <t>ダイ</t>
    </rPh>
    <rPh sb="16" eb="17">
      <t>ニ</t>
    </rPh>
    <rPh sb="17" eb="19">
      <t>ホウリュウ</t>
    </rPh>
    <rPh sb="19" eb="20">
      <t>キョ</t>
    </rPh>
    <rPh sb="20" eb="22">
      <t>ギャクリュウ</t>
    </rPh>
    <rPh sb="22" eb="24">
      <t>ボウシ</t>
    </rPh>
    <rPh sb="24" eb="26">
      <t>タイサク</t>
    </rPh>
    <rPh sb="26" eb="28">
      <t>コウジ</t>
    </rPh>
    <phoneticPr fontId="2"/>
  </si>
  <si>
    <t>県道42号（座架依橋）耐震補強工事</t>
  </si>
  <si>
    <t>県道302号（小袋谷藤沢）山崎跨線橋耐震補強工事</t>
    <rPh sb="0" eb="2">
      <t>ケンドウ</t>
    </rPh>
    <rPh sb="5" eb="6">
      <t>ゴウ</t>
    </rPh>
    <rPh sb="7" eb="12">
      <t>コブクロタニフジサワ</t>
    </rPh>
    <rPh sb="13" eb="15">
      <t>ヤマザキ</t>
    </rPh>
    <rPh sb="15" eb="18">
      <t>コセンキョウ</t>
    </rPh>
    <rPh sb="18" eb="20">
      <t>タイシン</t>
    </rPh>
    <rPh sb="20" eb="22">
      <t>ホキョウ</t>
    </rPh>
    <rPh sb="22" eb="24">
      <t>コウジ</t>
    </rPh>
    <phoneticPr fontId="2"/>
  </si>
  <si>
    <t>大城地区農業用水路整備工事</t>
    <rPh sb="4" eb="7">
      <t>ノウギョウヨウ</t>
    </rPh>
    <rPh sb="9" eb="11">
      <t>セイビ</t>
    </rPh>
    <phoneticPr fontId="2"/>
  </si>
  <si>
    <t>県道78号（足柄大橋Ｐ４橋脚）耐震補強工事</t>
  </si>
  <si>
    <t>国道134号（横須賀市長沢一丁目）　道路災害防除工事</t>
    <rPh sb="0" eb="2">
      <t>コクドウ</t>
    </rPh>
    <rPh sb="5" eb="6">
      <t>ゴウ</t>
    </rPh>
    <rPh sb="7" eb="11">
      <t>ヨコスカシ</t>
    </rPh>
    <rPh sb="11" eb="13">
      <t>ナガサワ</t>
    </rPh>
    <rPh sb="13" eb="16">
      <t>１チョウメ</t>
    </rPh>
    <rPh sb="18" eb="20">
      <t>ドウロ</t>
    </rPh>
    <rPh sb="20" eb="22">
      <t>サイガイ</t>
    </rPh>
    <rPh sb="22" eb="24">
      <t>ボウジョ</t>
    </rPh>
    <rPh sb="24" eb="26">
      <t>コウジ</t>
    </rPh>
    <phoneticPr fontId="2"/>
  </si>
  <si>
    <t>寒川浄水場中央監視及び分散制御設備更新工事</t>
  </si>
  <si>
    <t>地方港湾真鶴港係留施設改修工事</t>
    <rPh sb="0" eb="2">
      <t>チホウ</t>
    </rPh>
    <rPh sb="2" eb="4">
      <t>コウワン</t>
    </rPh>
    <rPh sb="4" eb="6">
      <t>マナヅル</t>
    </rPh>
    <rPh sb="6" eb="7">
      <t>コウ</t>
    </rPh>
    <rPh sb="7" eb="9">
      <t>ケイリュウ</t>
    </rPh>
    <rPh sb="9" eb="11">
      <t>シセツ</t>
    </rPh>
    <rPh sb="11" eb="13">
      <t>カイシュウ</t>
    </rPh>
    <rPh sb="13" eb="15">
      <t>コウジ</t>
    </rPh>
    <phoneticPr fontId="2"/>
  </si>
  <si>
    <t>七沢リハビリテーション病院外周道路改良工事</t>
    <rPh sb="0" eb="17">
      <t>ナナサワリハビリテーションビョウインガイシュウドウロ</t>
    </rPh>
    <rPh sb="17" eb="19">
      <t>カイリョウ</t>
    </rPh>
    <rPh sb="19" eb="21">
      <t>コウジ</t>
    </rPh>
    <phoneticPr fontId="2"/>
  </si>
  <si>
    <t>一級河川串川（相模原市緑区根小屋ほか３箇所）災害復旧工事</t>
  </si>
  <si>
    <t>道中地区急傾斜地崩壊対策工事</t>
    <rPh sb="0" eb="2">
      <t>ドウチュウ</t>
    </rPh>
    <rPh sb="2" eb="4">
      <t>チク</t>
    </rPh>
    <rPh sb="4" eb="5">
      <t>キュウ</t>
    </rPh>
    <rPh sb="5" eb="8">
      <t>ケイシャチ</t>
    </rPh>
    <rPh sb="8" eb="14">
      <t>ホウカイタイサクコウジ</t>
    </rPh>
    <phoneticPr fontId="2"/>
  </si>
  <si>
    <t>県道70号（ヒル沢橋）橋梁架設工事</t>
  </si>
  <si>
    <t>一級河川串川（相模原市緑区鳥屋ほか４箇所）災害復旧工事</t>
  </si>
  <si>
    <t>砂防指定地東沢（東沢堰堤）災害復旧工事</t>
  </si>
  <si>
    <t>砂防指定地早川（箱根町宮城野）災害復旧工事</t>
    <rPh sb="0" eb="2">
      <t>サボウ</t>
    </rPh>
    <rPh sb="2" eb="5">
      <t>シテイチ</t>
    </rPh>
    <rPh sb="5" eb="7">
      <t>ハヤカワ</t>
    </rPh>
    <phoneticPr fontId="2"/>
  </si>
  <si>
    <t>砂防指定地早川（板里堰堤）災害復旧工事</t>
  </si>
  <si>
    <t>茅ヶ崎市茅ヶ崎２丁目地内配水管布設工事</t>
    <rPh sb="10" eb="11">
      <t>チ</t>
    </rPh>
    <rPh sb="11" eb="12">
      <t>ナイ</t>
    </rPh>
    <phoneticPr fontId="2"/>
  </si>
  <si>
    <t>大和市桜森３丁目地内配水管改良工事</t>
    <rPh sb="8" eb="10">
      <t>チナイ</t>
    </rPh>
    <phoneticPr fontId="2"/>
  </si>
  <si>
    <t>一級河川道志川（相模原市緑区青山）災害復旧工事</t>
  </si>
  <si>
    <t>県道75号(湯河原町宮下）電線地中化工事</t>
  </si>
  <si>
    <t>県道54号（高田橋）　橋梁補修工事</t>
  </si>
  <si>
    <t>伊勢原市石田地内配水管撤去工事</t>
    <rPh sb="6" eb="8">
      <t>チナイ</t>
    </rPh>
    <phoneticPr fontId="2"/>
  </si>
  <si>
    <t>相模原市中央区田名地内配水管改良工事</t>
    <rPh sb="9" eb="11">
      <t>チナイ</t>
    </rPh>
    <phoneticPr fontId="2"/>
  </si>
  <si>
    <t>虫沢林道改良工事</t>
  </si>
  <si>
    <t xml:space="preserve">
小谷地区農業用水路法面保護工事</t>
    <rPh sb="1" eb="3">
      <t>コタニ</t>
    </rPh>
    <rPh sb="3" eb="5">
      <t>チク</t>
    </rPh>
    <rPh sb="5" eb="7">
      <t>ノウギョウ</t>
    </rPh>
    <rPh sb="7" eb="10">
      <t>ヨウスイロ</t>
    </rPh>
    <rPh sb="10" eb="12">
      <t>ノリメン</t>
    </rPh>
    <rPh sb="12" eb="14">
      <t>ホゴ</t>
    </rPh>
    <rPh sb="14" eb="16">
      <t>コウジ</t>
    </rPh>
    <phoneticPr fontId="2"/>
  </si>
  <si>
    <t>相模原市南区上鶴間１丁目地内配水管改良工事</t>
    <rPh sb="0" eb="4">
      <t>サガミハラシ</t>
    </rPh>
    <rPh sb="4" eb="6">
      <t>ミナミク</t>
    </rPh>
    <rPh sb="6" eb="9">
      <t>カミツルマ</t>
    </rPh>
    <rPh sb="10" eb="12">
      <t>チョウメ</t>
    </rPh>
    <rPh sb="12" eb="13">
      <t>チ</t>
    </rPh>
    <rPh sb="13" eb="14">
      <t>ナイ</t>
    </rPh>
    <rPh sb="14" eb="17">
      <t>ハイスイカン</t>
    </rPh>
    <rPh sb="17" eb="19">
      <t>カイリョウ</t>
    </rPh>
    <rPh sb="19" eb="21">
      <t>コウジ</t>
    </rPh>
    <phoneticPr fontId="2"/>
  </si>
  <si>
    <t>鷹取町１丁目Ｃ地区　急傾斜地崩壊対策工事</t>
    <rPh sb="7" eb="9">
      <t>チク</t>
    </rPh>
    <rPh sb="10" eb="11">
      <t>キュウ</t>
    </rPh>
    <rPh sb="11" eb="14">
      <t>ケイシャチ</t>
    </rPh>
    <rPh sb="14" eb="16">
      <t>ホウカイ</t>
    </rPh>
    <rPh sb="16" eb="18">
      <t>タイサク</t>
    </rPh>
    <rPh sb="18" eb="20">
      <t>コウジ</t>
    </rPh>
    <phoneticPr fontId="2"/>
  </si>
  <si>
    <t>相模原市緑区青山地内配水管改良工事</t>
    <rPh sb="8" eb="10">
      <t>チナイ</t>
    </rPh>
    <phoneticPr fontId="2"/>
  </si>
  <si>
    <t>上宮田地区　急傾斜地崩壊対策工事</t>
    <rPh sb="0" eb="3">
      <t>カミミヤタ</t>
    </rPh>
    <rPh sb="3" eb="5">
      <t>チク</t>
    </rPh>
    <rPh sb="6" eb="7">
      <t>キュウ</t>
    </rPh>
    <rPh sb="7" eb="10">
      <t>ケイシャチ</t>
    </rPh>
    <rPh sb="10" eb="12">
      <t>ホウカイ</t>
    </rPh>
    <rPh sb="12" eb="14">
      <t>タイサク</t>
    </rPh>
    <rPh sb="14" eb="16">
      <t>コウジ</t>
    </rPh>
    <phoneticPr fontId="2"/>
  </si>
  <si>
    <t>久木４丁目Ｂ地区　急傾斜地崩壊対策工事</t>
    <rPh sb="0" eb="2">
      <t>ヒサギ</t>
    </rPh>
    <rPh sb="3" eb="5">
      <t>チョウメ</t>
    </rPh>
    <rPh sb="6" eb="8">
      <t>チク</t>
    </rPh>
    <rPh sb="9" eb="10">
      <t>キュウ</t>
    </rPh>
    <rPh sb="10" eb="13">
      <t>ケイシャチ</t>
    </rPh>
    <rPh sb="13" eb="15">
      <t>ホウカイ</t>
    </rPh>
    <rPh sb="15" eb="17">
      <t>タイサク</t>
    </rPh>
    <rPh sb="17" eb="19">
      <t>コウジ</t>
    </rPh>
    <phoneticPr fontId="2"/>
  </si>
  <si>
    <t>茅ヶ崎市南湖６丁目地内配水管改良工事</t>
    <rPh sb="9" eb="11">
      <t>チナイ</t>
    </rPh>
    <phoneticPr fontId="2"/>
  </si>
  <si>
    <t>二級河川境川（横浜市泉区上飯田町外）河川改修工事</t>
    <rPh sb="0" eb="2">
      <t>ニキュウ</t>
    </rPh>
    <rPh sb="2" eb="4">
      <t>カセン</t>
    </rPh>
    <rPh sb="4" eb="5">
      <t>サカイ</t>
    </rPh>
    <rPh sb="5" eb="6">
      <t>カワ</t>
    </rPh>
    <rPh sb="7" eb="10">
      <t>ヨコハマシ</t>
    </rPh>
    <rPh sb="10" eb="12">
      <t>イズミク</t>
    </rPh>
    <rPh sb="12" eb="16">
      <t>ウエイイダマチ</t>
    </rPh>
    <rPh sb="16" eb="17">
      <t>ホカ</t>
    </rPh>
    <rPh sb="18" eb="20">
      <t>カセン</t>
    </rPh>
    <rPh sb="20" eb="22">
      <t>カイシュウ</t>
    </rPh>
    <rPh sb="22" eb="24">
      <t>コウジ</t>
    </rPh>
    <phoneticPr fontId="2"/>
  </si>
  <si>
    <t>二級河川引地川下土棚遊水地遠方監視施設整備工事</t>
    <rPh sb="0" eb="2">
      <t>ニキュウ</t>
    </rPh>
    <rPh sb="2" eb="4">
      <t>カセン</t>
    </rPh>
    <rPh sb="4" eb="6">
      <t>ヒキチ</t>
    </rPh>
    <rPh sb="6" eb="7">
      <t>ガワ</t>
    </rPh>
    <rPh sb="7" eb="10">
      <t>シモツチダナ</t>
    </rPh>
    <rPh sb="10" eb="13">
      <t>ユウスイチ</t>
    </rPh>
    <rPh sb="13" eb="15">
      <t>エンポウ</t>
    </rPh>
    <rPh sb="15" eb="17">
      <t>カンシ</t>
    </rPh>
    <rPh sb="17" eb="19">
      <t>シセツ</t>
    </rPh>
    <rPh sb="19" eb="21">
      <t>セイビ</t>
    </rPh>
    <rPh sb="21" eb="23">
      <t>コウジ</t>
    </rPh>
    <phoneticPr fontId="2"/>
  </si>
  <si>
    <t>県道64号（清川村宮ヶ瀬）道路情報提供装置更新工事</t>
  </si>
  <si>
    <t>二級河川境川風間遊水地（護岸）整備工事</t>
  </si>
  <si>
    <t>一級河川串川（相模原市緑区青山）災害復旧工事</t>
  </si>
  <si>
    <t>相模川流域下水道　右岸処理場　水処理施設EXP.J補強工事</t>
    <rPh sb="0" eb="2">
      <t>サガミ</t>
    </rPh>
    <rPh sb="2" eb="3">
      <t>ガワ</t>
    </rPh>
    <rPh sb="3" eb="5">
      <t>リュウイキ</t>
    </rPh>
    <rPh sb="5" eb="8">
      <t>ゲスイドウ</t>
    </rPh>
    <rPh sb="9" eb="11">
      <t>ウガン</t>
    </rPh>
    <rPh sb="11" eb="14">
      <t>ショリジョウ</t>
    </rPh>
    <phoneticPr fontId="2"/>
  </si>
  <si>
    <t>県立図書館新棟新築工事</t>
    <rPh sb="0" eb="11">
      <t>ケンリツトショカンシントウシンチクコウジ</t>
    </rPh>
    <phoneticPr fontId="4"/>
  </si>
  <si>
    <t>二級河川境川風間遊水地（周囲堤）整備工事</t>
  </si>
  <si>
    <t>一級河川相模川(厚木市酒井）河川改修工事</t>
  </si>
  <si>
    <t>二級河川酒匂川（小田原市栢山他）堤防整備工事</t>
  </si>
  <si>
    <t>県道62号（平塚市南原四丁目）道路舗装工事</t>
  </si>
  <si>
    <t>国道134号（横須賀市根岸町三丁目）　電線地中化促進工事</t>
    <rPh sb="0" eb="2">
      <t>コクドウ</t>
    </rPh>
    <rPh sb="5" eb="6">
      <t>ゴウ</t>
    </rPh>
    <rPh sb="7" eb="11">
      <t>ヨコスカシ</t>
    </rPh>
    <rPh sb="11" eb="14">
      <t>ネギシマチ</t>
    </rPh>
    <rPh sb="14" eb="17">
      <t>サンチョウメ</t>
    </rPh>
    <rPh sb="19" eb="21">
      <t>デンセン</t>
    </rPh>
    <rPh sb="21" eb="24">
      <t>チチュウカ</t>
    </rPh>
    <rPh sb="24" eb="26">
      <t>ソクシン</t>
    </rPh>
    <rPh sb="26" eb="28">
      <t>コウジ</t>
    </rPh>
    <phoneticPr fontId="2"/>
  </si>
  <si>
    <t>県道42号（座間市入谷東一丁目）道路災害防除工事</t>
    <rPh sb="16" eb="24">
      <t>ドウロサイガイボウジョコウジ</t>
    </rPh>
    <phoneticPr fontId="2"/>
  </si>
  <si>
    <t>六浦東１丁目東地区　急傾斜地崩壊対策工事</t>
    <rPh sb="0" eb="2">
      <t>ムツウラ</t>
    </rPh>
    <rPh sb="2" eb="3">
      <t>ヒガシ</t>
    </rPh>
    <rPh sb="4" eb="6">
      <t>チョウメ</t>
    </rPh>
    <rPh sb="6" eb="7">
      <t>ヒガシ</t>
    </rPh>
    <rPh sb="7" eb="9">
      <t>チク</t>
    </rPh>
    <rPh sb="10" eb="11">
      <t>キュウ</t>
    </rPh>
    <rPh sb="11" eb="14">
      <t>ケイシャチ</t>
    </rPh>
    <rPh sb="14" eb="16">
      <t>ホウカイ</t>
    </rPh>
    <rPh sb="16" eb="18">
      <t>タイサク</t>
    </rPh>
    <rPh sb="18" eb="20">
      <t>コウジ</t>
    </rPh>
    <phoneticPr fontId="2"/>
  </si>
  <si>
    <t>総合リハビリテーションセンター屋内訓練棟改修工事</t>
    <rPh sb="0" eb="2">
      <t>ソウゴウ</t>
    </rPh>
    <rPh sb="15" eb="24">
      <t>オクナイクンレントウカイシュウコウジ</t>
    </rPh>
    <phoneticPr fontId="3"/>
  </si>
  <si>
    <t>県道26号（横須賀市衣笠栄町一丁目）　道路補修工事</t>
    <rPh sb="6" eb="9">
      <t>ヨコスカ</t>
    </rPh>
    <rPh sb="9" eb="10">
      <t>シ</t>
    </rPh>
    <rPh sb="10" eb="12">
      <t>キヌガサ</t>
    </rPh>
    <rPh sb="12" eb="14">
      <t>サカエマチ</t>
    </rPh>
    <phoneticPr fontId="2"/>
  </si>
  <si>
    <t>都市計画道路横浜藤沢線（鎌倉市関谷）道路改良工事</t>
    <rPh sb="0" eb="2">
      <t>トシ</t>
    </rPh>
    <rPh sb="2" eb="4">
      <t>ケイカク</t>
    </rPh>
    <rPh sb="4" eb="6">
      <t>ドウロ</t>
    </rPh>
    <rPh sb="6" eb="8">
      <t>ヨコハマ</t>
    </rPh>
    <rPh sb="8" eb="10">
      <t>フジサワ</t>
    </rPh>
    <rPh sb="10" eb="11">
      <t>セン</t>
    </rPh>
    <rPh sb="12" eb="15">
      <t>カマクラシ</t>
    </rPh>
    <rPh sb="15" eb="17">
      <t>セキヤ</t>
    </rPh>
    <rPh sb="18" eb="20">
      <t>ドウロ</t>
    </rPh>
    <rPh sb="20" eb="22">
      <t>カイリョウ</t>
    </rPh>
    <rPh sb="22" eb="24">
      <t>コウジ</t>
    </rPh>
    <phoneticPr fontId="2"/>
  </si>
  <si>
    <t>地方港湾大磯港　臨港道路舗装工事</t>
    <rPh sb="0" eb="2">
      <t>チホウ</t>
    </rPh>
    <rPh sb="2" eb="4">
      <t>コウワン</t>
    </rPh>
    <rPh sb="4" eb="6">
      <t>オオイソ</t>
    </rPh>
    <rPh sb="6" eb="7">
      <t>コウ</t>
    </rPh>
    <rPh sb="8" eb="10">
      <t>リンコウ</t>
    </rPh>
    <rPh sb="10" eb="12">
      <t>ドウロ</t>
    </rPh>
    <rPh sb="12" eb="14">
      <t>ホソウ</t>
    </rPh>
    <rPh sb="14" eb="16">
      <t>コウジ</t>
    </rPh>
    <phoneticPr fontId="2"/>
  </si>
  <si>
    <t>砂防指定地阿津川（相模原市緑区寸沢嵐）災害復旧工事</t>
  </si>
  <si>
    <t>二級河川引地川（藤沢市下土棚）河川改修工事</t>
    <rPh sb="8" eb="11">
      <t>フジサワシ</t>
    </rPh>
    <rPh sb="11" eb="14">
      <t>シモツチダナ</t>
    </rPh>
    <phoneticPr fontId="2"/>
  </si>
  <si>
    <t>茅ケ崎海岸侵食対策工事</t>
    <rPh sb="0" eb="3">
      <t>チガサキ</t>
    </rPh>
    <rPh sb="3" eb="5">
      <t>カイガン</t>
    </rPh>
    <rPh sb="5" eb="7">
      <t>シンショク</t>
    </rPh>
    <rPh sb="7" eb="9">
      <t>タイサク</t>
    </rPh>
    <rPh sb="9" eb="11">
      <t>コウジ</t>
    </rPh>
    <phoneticPr fontId="2"/>
  </si>
  <si>
    <t>平塚江南高校中館Ａ他耐震補強工事</t>
    <rPh sb="0" eb="2">
      <t>ヒラツカ</t>
    </rPh>
    <rPh sb="2" eb="4">
      <t>コウナン</t>
    </rPh>
    <rPh sb="4" eb="6">
      <t>コウコウ</t>
    </rPh>
    <rPh sb="6" eb="8">
      <t>ナカカン</t>
    </rPh>
    <rPh sb="9" eb="16">
      <t>ホカタイシンホキョウコウジ</t>
    </rPh>
    <phoneticPr fontId="5"/>
  </si>
  <si>
    <t>二級河川田越川（逗子市新宿一丁目）河川修繕工事・逗子海岸海岸高潮対策工事</t>
    <rPh sb="0" eb="2">
      <t>ニキュウ</t>
    </rPh>
    <rPh sb="2" eb="4">
      <t>カセン</t>
    </rPh>
    <rPh sb="4" eb="6">
      <t>タゴエ</t>
    </rPh>
    <rPh sb="6" eb="7">
      <t>カワ</t>
    </rPh>
    <rPh sb="8" eb="10">
      <t>ズシ</t>
    </rPh>
    <rPh sb="10" eb="11">
      <t>シ</t>
    </rPh>
    <rPh sb="11" eb="12">
      <t>シン</t>
    </rPh>
    <rPh sb="12" eb="13">
      <t>ヤド</t>
    </rPh>
    <rPh sb="17" eb="19">
      <t>カセン</t>
    </rPh>
    <rPh sb="19" eb="21">
      <t>シュウゼン</t>
    </rPh>
    <rPh sb="21" eb="23">
      <t>コウジ</t>
    </rPh>
    <rPh sb="28" eb="30">
      <t>カイガン</t>
    </rPh>
    <rPh sb="30" eb="32">
      <t>タカシオ</t>
    </rPh>
    <rPh sb="32" eb="34">
      <t>タイサク</t>
    </rPh>
    <rPh sb="34" eb="36">
      <t>コウジ</t>
    </rPh>
    <phoneticPr fontId="2"/>
  </si>
  <si>
    <t>設備等</t>
    <rPh sb="0" eb="3">
      <t>セツビトウ</t>
    </rPh>
    <phoneticPr fontId="22"/>
  </si>
  <si>
    <t>工事
分野</t>
    <rPh sb="0" eb="2">
      <t>コウジ</t>
    </rPh>
    <rPh sb="3" eb="5">
      <t>ブンヤ</t>
    </rPh>
    <phoneticPr fontId="2"/>
  </si>
  <si>
    <t>R5</t>
    <phoneticPr fontId="22"/>
  </si>
  <si>
    <t>株式会社飛鳥　神奈川営業所</t>
    <rPh sb="0" eb="2">
      <t>カブシキ</t>
    </rPh>
    <rPh sb="2" eb="4">
      <t>カイシャ</t>
    </rPh>
    <rPh sb="4" eb="6">
      <t>アスカ</t>
    </rPh>
    <rPh sb="7" eb="10">
      <t>カナガワ</t>
    </rPh>
    <rPh sb="10" eb="13">
      <t>エイギョウショ</t>
    </rPh>
    <phoneticPr fontId="10"/>
  </si>
  <si>
    <t>イビデングリーンテック株式会社
関東支店</t>
    <rPh sb="11" eb="13">
      <t>カブシキ</t>
    </rPh>
    <rPh sb="13" eb="15">
      <t>カイシャ</t>
    </rPh>
    <rPh sb="16" eb="18">
      <t>カントウ</t>
    </rPh>
    <rPh sb="18" eb="20">
      <t>シテン</t>
    </rPh>
    <phoneticPr fontId="3"/>
  </si>
  <si>
    <t>北日本機械株式会社　
関東営業所　</t>
    <rPh sb="0" eb="16">
      <t>キタニホンキカイカブシキカイシャ　
カントウエイギョウショ　</t>
    </rPh>
    <phoneticPr fontId="1"/>
  </si>
  <si>
    <t>株式会社伊達建設</t>
    <rPh sb="0" eb="4">
      <t>カブシキガイシャ</t>
    </rPh>
    <rPh sb="4" eb="6">
      <t>ダテ</t>
    </rPh>
    <rPh sb="6" eb="8">
      <t>ケンセツ</t>
    </rPh>
    <phoneticPr fontId="7"/>
  </si>
  <si>
    <t>日相建設株式会社</t>
    <rPh sb="0" eb="1">
      <t>ニチ</t>
    </rPh>
    <rPh sb="1" eb="2">
      <t>ソウ</t>
    </rPh>
    <rPh sb="2" eb="4">
      <t>ケンセツ</t>
    </rPh>
    <rPh sb="4" eb="6">
      <t>カブシキ</t>
    </rPh>
    <rPh sb="6" eb="8">
      <t>カイシャ</t>
    </rPh>
    <phoneticPr fontId="2"/>
  </si>
  <si>
    <t>日本高圧コンクリート株式会社　
PC事業部　横浜営業所</t>
    <rPh sb="0" eb="2">
      <t>ニホン</t>
    </rPh>
    <rPh sb="2" eb="4">
      <t>コウアツ</t>
    </rPh>
    <rPh sb="10" eb="14">
      <t>カブシキガイシャ</t>
    </rPh>
    <rPh sb="18" eb="20">
      <t>ジギョウ</t>
    </rPh>
    <rPh sb="20" eb="21">
      <t>ブ</t>
    </rPh>
    <rPh sb="22" eb="24">
      <t>ヨコハマ</t>
    </rPh>
    <rPh sb="24" eb="27">
      <t>エイギョウショ</t>
    </rPh>
    <phoneticPr fontId="3"/>
  </si>
  <si>
    <t>磐梯建設株式会社</t>
    <rPh sb="0" eb="4">
      <t>バンダイケンセツ</t>
    </rPh>
    <rPh sb="4" eb="6">
      <t>カブシキ</t>
    </rPh>
    <rPh sb="6" eb="8">
      <t>カイシャ</t>
    </rPh>
    <phoneticPr fontId="3"/>
  </si>
  <si>
    <t>フリー工業株式会社　
神奈川営業所　　</t>
    <rPh sb="3" eb="5">
      <t>コウギョウ</t>
    </rPh>
    <rPh sb="5" eb="7">
      <t>カブシキ</t>
    </rPh>
    <rPh sb="7" eb="9">
      <t>カイシャ</t>
    </rPh>
    <rPh sb="11" eb="14">
      <t>カナガワ</t>
    </rPh>
    <rPh sb="14" eb="17">
      <t>エイギョウショ</t>
    </rPh>
    <phoneticPr fontId="3"/>
  </si>
  <si>
    <t>株式会社武蔵緑化　</t>
    <rPh sb="0" eb="4">
      <t>カブシキガイシャ</t>
    </rPh>
    <rPh sb="4" eb="6">
      <t>ムサシ</t>
    </rPh>
    <rPh sb="6" eb="8">
      <t>リョクカ</t>
    </rPh>
    <phoneticPr fontId="1" alignment="distributed"/>
  </si>
  <si>
    <t>浦田建設株式会社</t>
    <rPh sb="0" eb="2">
      <t>ウラタ</t>
    </rPh>
    <rPh sb="2" eb="4">
      <t>ケンセツ</t>
    </rPh>
    <rPh sb="4" eb="6">
      <t>カブシキ</t>
    </rPh>
    <rPh sb="6" eb="8">
      <t>カイシャ</t>
    </rPh>
    <phoneticPr fontId="2"/>
  </si>
  <si>
    <t>株式会社落合組　</t>
    <rPh sb="0" eb="4">
      <t>カブシキカイシャ</t>
    </rPh>
    <phoneticPr fontId="1"/>
  </si>
  <si>
    <t>株式会社片山建設　</t>
    <rPh sb="0" eb="4">
      <t>カブシキカイシャ</t>
    </rPh>
    <rPh sb="4" eb="8">
      <t>カタヤマケンセツ</t>
    </rPh>
    <phoneticPr fontId="17"/>
  </si>
  <si>
    <t>加藤興業株式会社</t>
    <rPh sb="0" eb="2">
      <t>カトウ</t>
    </rPh>
    <rPh sb="2" eb="4">
      <t>コウギョウ</t>
    </rPh>
    <rPh sb="4" eb="6">
      <t>カブシキ</t>
    </rPh>
    <rPh sb="6" eb="8">
      <t>カイシャ</t>
    </rPh>
    <phoneticPr fontId="19"/>
  </si>
  <si>
    <t>株式会社清川建設</t>
  </si>
  <si>
    <t>株式会社栗原工務店　</t>
    <rPh sb="0" eb="2">
      <t>カブシキ</t>
    </rPh>
    <rPh sb="2" eb="4">
      <t>カイシャ</t>
    </rPh>
    <rPh sb="4" eb="6">
      <t>クリハラ</t>
    </rPh>
    <rPh sb="6" eb="9">
      <t>コウムテン</t>
    </rPh>
    <phoneticPr fontId="17"/>
  </si>
  <si>
    <t>株式会社佐野建設</t>
    <rPh sb="0" eb="4">
      <t>カブシキカイシャ</t>
    </rPh>
    <rPh sb="4" eb="6">
      <t>サノ</t>
    </rPh>
    <rPh sb="6" eb="8">
      <t>ケンセツ</t>
    </rPh>
    <phoneticPr fontId="2"/>
  </si>
  <si>
    <t>有限会社竹内工務所　</t>
    <rPh sb="0" eb="2">
      <t>ユウゲン</t>
    </rPh>
    <rPh sb="2" eb="4">
      <t>カイシャ</t>
    </rPh>
    <rPh sb="4" eb="9">
      <t>タケウチコウムショ</t>
    </rPh>
    <phoneticPr fontId="3"/>
  </si>
  <si>
    <t>日進建設株式会社</t>
    <rPh sb="0" eb="2">
      <t>ニッシン</t>
    </rPh>
    <rPh sb="2" eb="4">
      <t>ケンセツ</t>
    </rPh>
    <rPh sb="4" eb="8">
      <t>カブシキカイシャ</t>
    </rPh>
    <phoneticPr fontId="19"/>
  </si>
  <si>
    <t>箱根建設株式会社</t>
    <rPh sb="0" eb="2">
      <t>ハコネ</t>
    </rPh>
    <rPh sb="2" eb="4">
      <t>ケンセツ</t>
    </rPh>
    <rPh sb="4" eb="8">
      <t>カブシキカイシャ</t>
    </rPh>
    <phoneticPr fontId="17"/>
  </si>
  <si>
    <t>株式会社山一施工</t>
    <rPh sb="0" eb="4">
      <t>カブシキカイシャ</t>
    </rPh>
    <rPh sb="4" eb="8">
      <t>ヤマイチセコウ</t>
    </rPh>
    <phoneticPr fontId="17"/>
  </si>
  <si>
    <t>譲原建設株式会社</t>
    <rPh sb="0" eb="2">
      <t>ユズリハラ</t>
    </rPh>
    <rPh sb="2" eb="4">
      <t>ケンセツ</t>
    </rPh>
    <rPh sb="4" eb="8">
      <t>カブシキカイシャ</t>
    </rPh>
    <phoneticPr fontId="19"/>
  </si>
  <si>
    <t>株式会社ビルドＴ・Ｙ建設　</t>
    <rPh sb="0" eb="2">
      <t>カブシキ</t>
    </rPh>
    <rPh sb="2" eb="4">
      <t>カイシャ</t>
    </rPh>
    <rPh sb="10" eb="12">
      <t>ケンセツ</t>
    </rPh>
    <phoneticPr fontId="20"/>
  </si>
  <si>
    <t>有限会社山季建設　</t>
    <rPh sb="0" eb="2">
      <t>ユウゲン</t>
    </rPh>
    <rPh sb="2" eb="4">
      <t>カイシャ</t>
    </rPh>
    <rPh sb="4" eb="5">
      <t>ヤマ</t>
    </rPh>
    <rPh sb="5" eb="6">
      <t>キ</t>
    </rPh>
    <rPh sb="6" eb="8">
      <t>ケンセツ</t>
    </rPh>
    <phoneticPr fontId="20"/>
  </si>
  <si>
    <t>浅岡建設株式会社</t>
    <rPh sb="0" eb="4">
      <t>アサオカケンセツ</t>
    </rPh>
    <rPh sb="4" eb="6">
      <t>カブシキ</t>
    </rPh>
    <rPh sb="6" eb="8">
      <t>カイシャ</t>
    </rPh>
    <phoneticPr fontId="1"/>
  </si>
  <si>
    <t>株式会社池田建設</t>
    <rPh sb="0" eb="4">
      <t>カブシキカイシャ</t>
    </rPh>
    <rPh sb="4" eb="6">
      <t>イケダ</t>
    </rPh>
    <rPh sb="6" eb="8">
      <t>ケンセツ</t>
    </rPh>
    <phoneticPr fontId="3"/>
  </si>
  <si>
    <t>大野土建株式会社　</t>
  </si>
  <si>
    <t>株式会社加藤工務店</t>
    <rPh sb="0" eb="2">
      <t>カブシキ</t>
    </rPh>
    <rPh sb="2" eb="4">
      <t>カイシャ</t>
    </rPh>
    <rPh sb="4" eb="6">
      <t>カトウ</t>
    </rPh>
    <rPh sb="6" eb="8">
      <t>コウム</t>
    </rPh>
    <rPh sb="8" eb="9">
      <t>テン</t>
    </rPh>
    <phoneticPr fontId="7"/>
  </si>
  <si>
    <t>亀井・相模特定建設工事共同企業体</t>
    <rPh sb="0" eb="2">
      <t>カメイ</t>
    </rPh>
    <rPh sb="3" eb="5">
      <t>サガミ</t>
    </rPh>
    <rPh sb="5" eb="7">
      <t>トクテイ</t>
    </rPh>
    <rPh sb="7" eb="9">
      <t>ケンセツ</t>
    </rPh>
    <rPh sb="9" eb="11">
      <t>コウジ</t>
    </rPh>
    <rPh sb="11" eb="13">
      <t>キョウドウ</t>
    </rPh>
    <rPh sb="13" eb="15">
      <t>キギョウ</t>
    </rPh>
    <rPh sb="15" eb="16">
      <t>タイ</t>
    </rPh>
    <phoneticPr fontId="1"/>
  </si>
  <si>
    <t>株式会社湘南推進工業　</t>
    <rPh sb="0" eb="2">
      <t>カブシキ</t>
    </rPh>
    <rPh sb="2" eb="4">
      <t>カイシャ</t>
    </rPh>
    <rPh sb="4" eb="10">
      <t>ショウナンスイシンコウギョウ</t>
    </rPh>
    <phoneticPr fontId="2"/>
  </si>
  <si>
    <t>丸豊建設株式会社</t>
    <rPh sb="0" eb="1">
      <t>マル</t>
    </rPh>
    <rPh sb="1" eb="2">
      <t>トヨ</t>
    </rPh>
    <rPh sb="2" eb="4">
      <t>ケンセツ</t>
    </rPh>
    <rPh sb="4" eb="6">
      <t>カブシキ</t>
    </rPh>
    <rPh sb="6" eb="8">
      <t>カイシャ</t>
    </rPh>
    <phoneticPr fontId="2"/>
  </si>
  <si>
    <t>森山建設株式会社</t>
    <rPh sb="0" eb="2">
      <t>モリヤマ</t>
    </rPh>
    <rPh sb="2" eb="4">
      <t>ケンセツ</t>
    </rPh>
    <rPh sb="4" eb="6">
      <t>カブシキ</t>
    </rPh>
    <rPh sb="6" eb="8">
      <t>カイシャ</t>
    </rPh>
    <phoneticPr fontId="3"/>
  </si>
  <si>
    <t>ユタカ建設株式会社</t>
    <rPh sb="3" eb="5">
      <t>ケンセツ</t>
    </rPh>
    <rPh sb="5" eb="7">
      <t>カブシキ</t>
    </rPh>
    <rPh sb="7" eb="9">
      <t>カイシャ</t>
    </rPh>
    <phoneticPr fontId="15"/>
  </si>
  <si>
    <t>株式会社アースロック</t>
    <rPh sb="0" eb="4">
      <t>カブシキガイシャ</t>
    </rPh>
    <phoneticPr fontId="1"/>
  </si>
  <si>
    <t>株式会社勝俣組</t>
    <rPh sb="0" eb="4">
      <t>カブシキカイシャ</t>
    </rPh>
    <rPh sb="4" eb="7">
      <t>カツマタグミ</t>
    </rPh>
    <phoneticPr fontId="19"/>
  </si>
  <si>
    <t>鎌田工業株式会社</t>
    <rPh sb="0" eb="2">
      <t>カマタ</t>
    </rPh>
    <rPh sb="2" eb="4">
      <t>コウギョウ</t>
    </rPh>
    <rPh sb="4" eb="8">
      <t>カブシキカイシャ</t>
    </rPh>
    <phoneticPr fontId="19"/>
  </si>
  <si>
    <t>株式会社熊沢工務店</t>
    <rPh sb="0" eb="4">
      <t>カブシキガイシャ</t>
    </rPh>
    <rPh sb="4" eb="6">
      <t>クマザワ</t>
    </rPh>
    <rPh sb="6" eb="9">
      <t>コウムテン</t>
    </rPh>
    <phoneticPr fontId="3"/>
  </si>
  <si>
    <t>株式会社コハラ</t>
    <rPh sb="0" eb="4">
      <t>カブシキガイシャ</t>
    </rPh>
    <phoneticPr fontId="1"/>
  </si>
  <si>
    <t>三和建設株式会社</t>
    <rPh sb="0" eb="2">
      <t>サンワ</t>
    </rPh>
    <rPh sb="2" eb="4">
      <t>ケンセツ</t>
    </rPh>
    <rPh sb="4" eb="8">
      <t>カブシキカイシャ</t>
    </rPh>
    <phoneticPr fontId="17"/>
  </si>
  <si>
    <t>株式会社新晃産業</t>
    <rPh sb="0" eb="4">
      <t>カブシキカイシャ</t>
    </rPh>
    <rPh sb="4" eb="8">
      <t>シンコウサンギョウ</t>
    </rPh>
    <phoneticPr fontId="17"/>
  </si>
  <si>
    <t>ツチヤ総建株式会社</t>
    <rPh sb="3" eb="5">
      <t>ソウケン</t>
    </rPh>
    <rPh sb="5" eb="9">
      <t>カブシキガイシャ</t>
    </rPh>
    <phoneticPr fontId="1"/>
  </si>
  <si>
    <t>西建設工業株式会社</t>
    <rPh sb="0" eb="1">
      <t>ニシ</t>
    </rPh>
    <rPh sb="1" eb="3">
      <t>ケンセツ</t>
    </rPh>
    <rPh sb="3" eb="5">
      <t>コウギョウ</t>
    </rPh>
    <rPh sb="5" eb="9">
      <t>カブシキガイシャ</t>
    </rPh>
    <phoneticPr fontId="1"/>
  </si>
  <si>
    <t>増山土木株式会社</t>
    <rPh sb="0" eb="2">
      <t>マスヤマ</t>
    </rPh>
    <rPh sb="2" eb="4">
      <t>ドボク</t>
    </rPh>
    <phoneticPr fontId="3"/>
  </si>
  <si>
    <t>有限会社遠藤土木</t>
    <rPh sb="0" eb="2">
      <t>ユウゲン</t>
    </rPh>
    <rPh sb="2" eb="4">
      <t>ガイシャ</t>
    </rPh>
    <rPh sb="4" eb="6">
      <t>エンドウ</t>
    </rPh>
    <rPh sb="6" eb="8">
      <t>ドボク</t>
    </rPh>
    <phoneticPr fontId="13"/>
  </si>
  <si>
    <t>健伸工業株式会社</t>
    <rPh sb="4" eb="6">
      <t>カブシキ</t>
    </rPh>
    <rPh sb="6" eb="8">
      <t>カイシャ</t>
    </rPh>
    <phoneticPr fontId="1"/>
  </si>
  <si>
    <t>山晃建設株式会社</t>
    <rPh sb="0" eb="1">
      <t>ヤマ</t>
    </rPh>
    <rPh sb="1" eb="2">
      <t>アキラ</t>
    </rPh>
    <rPh sb="2" eb="4">
      <t>ケンセツ</t>
    </rPh>
    <rPh sb="4" eb="8">
      <t>カブシキガイシャ</t>
    </rPh>
    <phoneticPr fontId="1"/>
  </si>
  <si>
    <t>穐本興業株式会社</t>
    <rPh sb="0" eb="1">
      <t>シュウ</t>
    </rPh>
    <rPh sb="1" eb="2">
      <t>モト</t>
    </rPh>
    <rPh sb="2" eb="4">
      <t>コウギョウ</t>
    </rPh>
    <rPh sb="4" eb="8">
      <t>カブシキガイシャ</t>
    </rPh>
    <phoneticPr fontId="20"/>
  </si>
  <si>
    <t>大成設備有限会社</t>
    <rPh sb="0" eb="4">
      <t>タイセイセツビ</t>
    </rPh>
    <rPh sb="4" eb="8">
      <t>ユウゲンガイシャ</t>
    </rPh>
    <phoneticPr fontId="1"/>
  </si>
  <si>
    <t>戸倉工業株式会社</t>
    <rPh sb="0" eb="2">
      <t>トクラ</t>
    </rPh>
    <rPh sb="2" eb="4">
      <t>コウギョウ</t>
    </rPh>
    <rPh sb="4" eb="8">
      <t>カブシキガイシャ</t>
    </rPh>
    <phoneticPr fontId="1"/>
  </si>
  <si>
    <t>有限会社平田建設工業</t>
    <rPh sb="0" eb="2">
      <t>ユウゲン</t>
    </rPh>
    <rPh sb="2" eb="4">
      <t>カイシャ</t>
    </rPh>
    <rPh sb="4" eb="6">
      <t>ヒラタ</t>
    </rPh>
    <rPh sb="6" eb="8">
      <t>ケンセツ</t>
    </rPh>
    <rPh sb="8" eb="10">
      <t>コウギョウ</t>
    </rPh>
    <phoneticPr fontId="3"/>
  </si>
  <si>
    <t>株式会社富士建機</t>
    <rPh sb="0" eb="2">
      <t>カブシキ</t>
    </rPh>
    <rPh sb="2" eb="4">
      <t>カイシャ</t>
    </rPh>
    <rPh sb="4" eb="6">
      <t>フジ</t>
    </rPh>
    <rPh sb="6" eb="8">
      <t>ケンキ</t>
    </rPh>
    <phoneticPr fontId="3"/>
  </si>
  <si>
    <t>株式会社山源建設</t>
    <rPh sb="0" eb="4">
      <t>カブシキガイシャ</t>
    </rPh>
    <rPh sb="4" eb="5">
      <t>ヤマ</t>
    </rPh>
    <rPh sb="5" eb="6">
      <t>ゲン</t>
    </rPh>
    <rPh sb="6" eb="8">
      <t>ケンセツ</t>
    </rPh>
    <phoneticPr fontId="1"/>
  </si>
  <si>
    <t>湯浅土建株式会社</t>
    <rPh sb="0" eb="2">
      <t>ユアサ</t>
    </rPh>
    <rPh sb="2" eb="4">
      <t>ドケン</t>
    </rPh>
    <rPh sb="4" eb="8">
      <t>カブシキガイシャ</t>
    </rPh>
    <phoneticPr fontId="1"/>
  </si>
  <si>
    <t>宇内建設株式会社</t>
    <rPh sb="0" eb="2">
      <t>ウナイ</t>
    </rPh>
    <rPh sb="2" eb="4">
      <t>ケンセツ</t>
    </rPh>
    <rPh sb="4" eb="8">
      <t>カブシキカイシャ</t>
    </rPh>
    <phoneticPr fontId="25"/>
  </si>
  <si>
    <t>有限会社ソムリエホーム</t>
    <rPh sb="0" eb="4">
      <t>ユウゲンガイシャ</t>
    </rPh>
    <phoneticPr fontId="1"/>
  </si>
  <si>
    <t>有限会社神谷機材</t>
    <rPh sb="0" eb="4">
      <t>ユウゲンカイシャ</t>
    </rPh>
    <rPh sb="4" eb="6">
      <t>カミヤ</t>
    </rPh>
    <rPh sb="6" eb="8">
      <t>キザイ</t>
    </rPh>
    <phoneticPr fontId="20"/>
  </si>
  <si>
    <t>土木</t>
    <rPh sb="0" eb="2">
      <t>ドボク</t>
    </rPh>
    <phoneticPr fontId="1"/>
  </si>
  <si>
    <t>建築</t>
    <rPh sb="0" eb="2">
      <t>ケンチク</t>
    </rPh>
    <phoneticPr fontId="1"/>
  </si>
  <si>
    <t>水道</t>
    <rPh sb="0" eb="2">
      <t>スイドウ</t>
    </rPh>
    <phoneticPr fontId="1"/>
  </si>
  <si>
    <t>永田南２丁目北地区急傾斜地崩壊対策工事</t>
    <rPh sb="0" eb="3">
      <t>ナガタミナミ</t>
    </rPh>
    <rPh sb="4" eb="6">
      <t>チョウメ</t>
    </rPh>
    <rPh sb="6" eb="7">
      <t>キタ</t>
    </rPh>
    <rPh sb="7" eb="9">
      <t>チク</t>
    </rPh>
    <rPh sb="9" eb="10">
      <t>キュウ</t>
    </rPh>
    <rPh sb="10" eb="13">
      <t>ケイシャチ</t>
    </rPh>
    <rPh sb="13" eb="19">
      <t>ホウカイタイサクコウジ</t>
    </rPh>
    <phoneticPr fontId="1"/>
  </si>
  <si>
    <t>根岸町Ｂ地区急傾斜地崩壊対策工事</t>
    <rPh sb="0" eb="3">
      <t>ネギシチョウ</t>
    </rPh>
    <rPh sb="4" eb="6">
      <t>チク</t>
    </rPh>
    <rPh sb="6" eb="7">
      <t>キュウ</t>
    </rPh>
    <rPh sb="7" eb="10">
      <t>ケイシャチ</t>
    </rPh>
    <rPh sb="10" eb="16">
      <t>ホウカイタイサクコウジ</t>
    </rPh>
    <phoneticPr fontId="1"/>
  </si>
  <si>
    <t>一級河川永池川（海老名市大谷 81号橋橋梁架替）河川改修工事</t>
    <rPh sb="0" eb="2">
      <t>イッキュウ</t>
    </rPh>
    <rPh sb="2" eb="4">
      <t>カセン</t>
    </rPh>
    <rPh sb="4" eb="7">
      <t>ナガイケガワ</t>
    </rPh>
    <rPh sb="8" eb="12">
      <t>エビナシ</t>
    </rPh>
    <rPh sb="12" eb="14">
      <t>オオヤ</t>
    </rPh>
    <rPh sb="17" eb="18">
      <t>ゴウ</t>
    </rPh>
    <rPh sb="18" eb="19">
      <t>バシ</t>
    </rPh>
    <rPh sb="19" eb="21">
      <t>キョウリョウ</t>
    </rPh>
    <rPh sb="21" eb="22">
      <t>カ</t>
    </rPh>
    <rPh sb="22" eb="23">
      <t>カ</t>
    </rPh>
    <rPh sb="24" eb="26">
      <t>カセン</t>
    </rPh>
    <rPh sb="26" eb="28">
      <t>カイシュウ</t>
    </rPh>
    <rPh sb="28" eb="30">
      <t>コウジ</t>
    </rPh>
    <phoneticPr fontId="1"/>
  </si>
  <si>
    <t>酒匂川流域下水道箱根小田原幹線１－３工区管渠築造工事</t>
    <rPh sb="0" eb="2">
      <t>サカワ</t>
    </rPh>
    <rPh sb="2" eb="3">
      <t>カワ</t>
    </rPh>
    <rPh sb="3" eb="5">
      <t>リュウイキ</t>
    </rPh>
    <rPh sb="5" eb="8">
      <t>ゲスイドウ</t>
    </rPh>
    <rPh sb="8" eb="10">
      <t>ハコネ</t>
    </rPh>
    <rPh sb="10" eb="13">
      <t>オダワラ</t>
    </rPh>
    <rPh sb="13" eb="15">
      <t>カンセン</t>
    </rPh>
    <rPh sb="18" eb="20">
      <t>コウク</t>
    </rPh>
    <rPh sb="20" eb="22">
      <t>カンキョ</t>
    </rPh>
    <rPh sb="22" eb="24">
      <t>チクゾウ</t>
    </rPh>
    <rPh sb="24" eb="26">
      <t>コウジ</t>
    </rPh>
    <phoneticPr fontId="1"/>
  </si>
  <si>
    <t>二級河川境川ほか（相模原市緑区相原６丁目ほか２箇所）河川修繕工事</t>
    <rPh sb="0" eb="2">
      <t>ニキュウ</t>
    </rPh>
    <rPh sb="2" eb="4">
      <t>カセン</t>
    </rPh>
    <rPh sb="4" eb="6">
      <t>サカイガワ</t>
    </rPh>
    <rPh sb="9" eb="13">
      <t>サガミハラシ</t>
    </rPh>
    <rPh sb="13" eb="15">
      <t>ミドリク</t>
    </rPh>
    <rPh sb="15" eb="17">
      <t>アイハラ</t>
    </rPh>
    <rPh sb="18" eb="20">
      <t>チョウメ</t>
    </rPh>
    <rPh sb="23" eb="25">
      <t>カショ</t>
    </rPh>
    <rPh sb="26" eb="28">
      <t>カセン</t>
    </rPh>
    <rPh sb="28" eb="30">
      <t>シュウゼン</t>
    </rPh>
    <rPh sb="30" eb="32">
      <t>コウジ</t>
    </rPh>
    <phoneticPr fontId="1"/>
  </si>
  <si>
    <t>県道603号（新渋田川橋）上部工事</t>
    <rPh sb="0" eb="2">
      <t>ケンドウ</t>
    </rPh>
    <rPh sb="5" eb="6">
      <t>ゴウ</t>
    </rPh>
    <rPh sb="7" eb="8">
      <t>シン</t>
    </rPh>
    <rPh sb="8" eb="10">
      <t>シブタ</t>
    </rPh>
    <rPh sb="10" eb="11">
      <t>ガワ</t>
    </rPh>
    <rPh sb="11" eb="12">
      <t>ハシ</t>
    </rPh>
    <rPh sb="13" eb="15">
      <t>ジョウブ</t>
    </rPh>
    <rPh sb="15" eb="17">
      <t>コウジ</t>
    </rPh>
    <phoneticPr fontId="1"/>
  </si>
  <si>
    <t>県道409号（相模川自転車道）道路改良工事</t>
    <rPh sb="0" eb="2">
      <t>ケンドウ</t>
    </rPh>
    <rPh sb="5" eb="6">
      <t>ゴウ</t>
    </rPh>
    <rPh sb="7" eb="9">
      <t>サガミ</t>
    </rPh>
    <rPh sb="9" eb="10">
      <t>ガワ</t>
    </rPh>
    <rPh sb="10" eb="12">
      <t>ジテン</t>
    </rPh>
    <rPh sb="12" eb="14">
      <t>シャドウ</t>
    </rPh>
    <rPh sb="15" eb="17">
      <t>ドウロ</t>
    </rPh>
    <rPh sb="17" eb="19">
      <t>カイリョウ</t>
    </rPh>
    <rPh sb="19" eb="21">
      <t>コウジ</t>
    </rPh>
    <phoneticPr fontId="1"/>
  </si>
  <si>
    <t>鶴見２丁目Ａ地区急傾斜地崩壊対策工事</t>
    <rPh sb="0" eb="2">
      <t>ツルミ</t>
    </rPh>
    <rPh sb="3" eb="5">
      <t>チョウメ</t>
    </rPh>
    <rPh sb="6" eb="8">
      <t>チク</t>
    </rPh>
    <rPh sb="8" eb="9">
      <t>キュウ</t>
    </rPh>
    <rPh sb="9" eb="12">
      <t>ケイシャチ</t>
    </rPh>
    <rPh sb="12" eb="18">
      <t>ホウカイタイサクコウジ</t>
    </rPh>
    <phoneticPr fontId="1"/>
  </si>
  <si>
    <t>県立あいかわ公園（子供広場）都市公園整備工事</t>
    <rPh sb="0" eb="2">
      <t>ケンリツ</t>
    </rPh>
    <rPh sb="6" eb="8">
      <t>コウエン</t>
    </rPh>
    <rPh sb="9" eb="11">
      <t>コドモ</t>
    </rPh>
    <rPh sb="11" eb="13">
      <t>ヒロバ</t>
    </rPh>
    <rPh sb="14" eb="16">
      <t>トシ</t>
    </rPh>
    <rPh sb="16" eb="18">
      <t>コウエン</t>
    </rPh>
    <rPh sb="18" eb="20">
      <t>セイビ</t>
    </rPh>
    <rPh sb="20" eb="22">
      <t>コウジ</t>
    </rPh>
    <phoneticPr fontId="1" alignment="distributed"/>
  </si>
  <si>
    <t>県営鶴ケ峰団地周辺道路修繕工事</t>
    <rPh sb="0" eb="2">
      <t>ケンエイ</t>
    </rPh>
    <rPh sb="2" eb="5">
      <t>ツルガミネ</t>
    </rPh>
    <rPh sb="5" eb="7">
      <t>ダンチ</t>
    </rPh>
    <rPh sb="7" eb="9">
      <t>シュウヘン</t>
    </rPh>
    <rPh sb="9" eb="11">
      <t>ドウロ</t>
    </rPh>
    <rPh sb="11" eb="13">
      <t>シュウゼン</t>
    </rPh>
    <rPh sb="13" eb="15">
      <t>コウジ</t>
    </rPh>
    <phoneticPr fontId="1"/>
  </si>
  <si>
    <t>県道22号（厚木市戸田）歩道整備工事</t>
  </si>
  <si>
    <t>二級河川田越川（逗子市逗子二丁目）河川改修工事　</t>
    <rPh sb="0" eb="2">
      <t>ニキュウ</t>
    </rPh>
    <rPh sb="2" eb="4">
      <t>カセン</t>
    </rPh>
    <rPh sb="4" eb="6">
      <t>タゴエ</t>
    </rPh>
    <rPh sb="6" eb="7">
      <t>ガワ</t>
    </rPh>
    <rPh sb="8" eb="11">
      <t>ズシシ</t>
    </rPh>
    <rPh sb="11" eb="13">
      <t>ズシ</t>
    </rPh>
    <rPh sb="13" eb="14">
      <t>ニ</t>
    </rPh>
    <rPh sb="14" eb="16">
      <t>チョウメ</t>
    </rPh>
    <rPh sb="17" eb="19">
      <t>カセン</t>
    </rPh>
    <rPh sb="19" eb="21">
      <t>カイシュウ</t>
    </rPh>
    <rPh sb="21" eb="23">
      <t>コウジ</t>
    </rPh>
    <phoneticPr fontId="1"/>
  </si>
  <si>
    <t>国道134号高浜台歩道橋補修工事</t>
    <rPh sb="0" eb="2">
      <t>コクドウ</t>
    </rPh>
    <rPh sb="5" eb="6">
      <t>ゴウ</t>
    </rPh>
    <rPh sb="6" eb="8">
      <t>タカハマ</t>
    </rPh>
    <rPh sb="8" eb="9">
      <t>ダイ</t>
    </rPh>
    <rPh sb="9" eb="12">
      <t>ホドウキョウ</t>
    </rPh>
    <rPh sb="12" eb="14">
      <t>ホシュウ</t>
    </rPh>
    <rPh sb="14" eb="16">
      <t>コウジ</t>
    </rPh>
    <phoneticPr fontId="1"/>
  </si>
  <si>
    <t>県道64号（伊勢原津久井）古在家バイパス道路改良工事</t>
  </si>
  <si>
    <t>かながわ県民センターエントランスホール等改修工事（建築）</t>
    <rPh sb="4" eb="6">
      <t>ケンミン</t>
    </rPh>
    <rPh sb="19" eb="20">
      <t>トウ</t>
    </rPh>
    <rPh sb="20" eb="22">
      <t>カイシュウ</t>
    </rPh>
    <rPh sb="22" eb="24">
      <t>コウジ</t>
    </rPh>
    <rPh sb="25" eb="27">
      <t>ケンチク</t>
    </rPh>
    <phoneticPr fontId="30"/>
  </si>
  <si>
    <t>平Ｂ地区急傾斜地崩壊対策工事</t>
    <rPh sb="0" eb="1">
      <t>タイラ</t>
    </rPh>
    <rPh sb="2" eb="4">
      <t>チク</t>
    </rPh>
    <rPh sb="4" eb="5">
      <t>キュウ</t>
    </rPh>
    <rPh sb="5" eb="8">
      <t>ケイシャチ</t>
    </rPh>
    <rPh sb="8" eb="10">
      <t>ホウカイ</t>
    </rPh>
    <rPh sb="10" eb="12">
      <t>タイサク</t>
    </rPh>
    <rPh sb="12" eb="14">
      <t>コウジ</t>
    </rPh>
    <phoneticPr fontId="1"/>
  </si>
  <si>
    <t>県道204号（鎌倉市十二所）道路災害防除工事</t>
    <rPh sb="0" eb="2">
      <t>ケンドウ</t>
    </rPh>
    <rPh sb="5" eb="6">
      <t>ゴウ</t>
    </rPh>
    <rPh sb="7" eb="10">
      <t>カマクラシ</t>
    </rPh>
    <rPh sb="10" eb="13">
      <t>ジュウニソ</t>
    </rPh>
    <rPh sb="14" eb="16">
      <t>ドウロ</t>
    </rPh>
    <rPh sb="16" eb="18">
      <t>サイガイ</t>
    </rPh>
    <rPh sb="18" eb="20">
      <t>ボウジョ</t>
    </rPh>
    <rPh sb="20" eb="22">
      <t>コウジ</t>
    </rPh>
    <phoneticPr fontId="1"/>
  </si>
  <si>
    <t>三ツ境養護学校第２棟改修及び耐震補強工事（建築）</t>
    <rPh sb="0" eb="7">
      <t>ミツキョウヨウゴガッコウ</t>
    </rPh>
    <rPh sb="7" eb="8">
      <t>ダイ</t>
    </rPh>
    <rPh sb="9" eb="13">
      <t>トウカイシュウオヨ</t>
    </rPh>
    <rPh sb="14" eb="20">
      <t>タイシンホキョウコウジ</t>
    </rPh>
    <rPh sb="21" eb="23">
      <t>ケンチク</t>
    </rPh>
    <phoneticPr fontId="30"/>
  </si>
  <si>
    <t>佐野町Ｃ地区急傾斜地崩壊対策工事</t>
    <rPh sb="0" eb="2">
      <t>サノ</t>
    </rPh>
    <rPh sb="2" eb="3">
      <t>チョウ</t>
    </rPh>
    <rPh sb="4" eb="6">
      <t>チク</t>
    </rPh>
    <rPh sb="6" eb="9">
      <t>キュウケイシャ</t>
    </rPh>
    <rPh sb="9" eb="10">
      <t>チ</t>
    </rPh>
    <rPh sb="10" eb="12">
      <t>ホウカイ</t>
    </rPh>
    <rPh sb="12" eb="14">
      <t>タイサク</t>
    </rPh>
    <rPh sb="14" eb="16">
      <t>コウジ</t>
    </rPh>
    <phoneticPr fontId="1"/>
  </si>
  <si>
    <t>都市計画道路城山多古線（小田原市多古）穴部排水路改築工事</t>
    <rPh sb="0" eb="2">
      <t>トシ</t>
    </rPh>
    <rPh sb="2" eb="4">
      <t>ケイカク</t>
    </rPh>
    <rPh sb="4" eb="6">
      <t>ドウロ</t>
    </rPh>
    <rPh sb="6" eb="8">
      <t>シロヤマ</t>
    </rPh>
    <rPh sb="8" eb="10">
      <t>タコ</t>
    </rPh>
    <rPh sb="10" eb="11">
      <t>セン</t>
    </rPh>
    <rPh sb="12" eb="16">
      <t>オダワラシ</t>
    </rPh>
    <rPh sb="16" eb="18">
      <t>タコ</t>
    </rPh>
    <rPh sb="19" eb="21">
      <t>アナベ</t>
    </rPh>
    <rPh sb="21" eb="24">
      <t>ハイスイロ</t>
    </rPh>
    <rPh sb="24" eb="26">
      <t>カイチク</t>
    </rPh>
    <rPh sb="26" eb="28">
      <t>コウジ</t>
    </rPh>
    <phoneticPr fontId="1"/>
  </si>
  <si>
    <t>県道612号（上粕屋南金目）交通安全施設補修工事</t>
    <rPh sb="0" eb="2">
      <t>ケンドウ</t>
    </rPh>
    <rPh sb="5" eb="6">
      <t>ゴウ</t>
    </rPh>
    <rPh sb="7" eb="8">
      <t>カミ</t>
    </rPh>
    <rPh sb="8" eb="10">
      <t>カスヤ</t>
    </rPh>
    <rPh sb="10" eb="11">
      <t>ミナミ</t>
    </rPh>
    <rPh sb="11" eb="13">
      <t>カナメ</t>
    </rPh>
    <rPh sb="14" eb="16">
      <t>コウツウ</t>
    </rPh>
    <rPh sb="16" eb="18">
      <t>アンゼン</t>
    </rPh>
    <rPh sb="18" eb="20">
      <t>シセツ</t>
    </rPh>
    <rPh sb="20" eb="22">
      <t>ホシュウ</t>
    </rPh>
    <rPh sb="22" eb="24">
      <t>コウジ</t>
    </rPh>
    <phoneticPr fontId="1"/>
  </si>
  <si>
    <t>県道732号（箱根町湯本茶屋）歩道整備工事</t>
    <rPh sb="0" eb="2">
      <t>ケンドウ</t>
    </rPh>
    <rPh sb="5" eb="6">
      <t>ゴウ</t>
    </rPh>
    <rPh sb="7" eb="10">
      <t>ハコネマチ</t>
    </rPh>
    <rPh sb="10" eb="12">
      <t>ユモト</t>
    </rPh>
    <rPh sb="12" eb="14">
      <t>チャヤ</t>
    </rPh>
    <rPh sb="15" eb="17">
      <t>ホドウ</t>
    </rPh>
    <rPh sb="17" eb="19">
      <t>セイビ</t>
    </rPh>
    <rPh sb="19" eb="21">
      <t>コウジ</t>
    </rPh>
    <phoneticPr fontId="1"/>
  </si>
  <si>
    <t>二級河川引地川（藤沢市下土棚）河川改修工事</t>
    <rPh sb="0" eb="2">
      <t>ニキュウ</t>
    </rPh>
    <rPh sb="2" eb="4">
      <t>カセン</t>
    </rPh>
    <rPh sb="4" eb="6">
      <t>ヒキジ</t>
    </rPh>
    <rPh sb="6" eb="7">
      <t>カワ</t>
    </rPh>
    <rPh sb="8" eb="11">
      <t>フジサワシ</t>
    </rPh>
    <rPh sb="11" eb="14">
      <t>シモツチダナ</t>
    </rPh>
    <rPh sb="15" eb="17">
      <t>カセン</t>
    </rPh>
    <rPh sb="17" eb="19">
      <t>カイシュウ</t>
    </rPh>
    <rPh sb="19" eb="21">
      <t>コウジ</t>
    </rPh>
    <phoneticPr fontId="18"/>
  </si>
  <si>
    <t>県道603号（西富岡バイパス）道路新設工事</t>
    <rPh sb="0" eb="2">
      <t>ケンドウ</t>
    </rPh>
    <rPh sb="5" eb="6">
      <t>ゴウ</t>
    </rPh>
    <rPh sb="7" eb="8">
      <t>ニシ</t>
    </rPh>
    <rPh sb="8" eb="10">
      <t>トミオカ</t>
    </rPh>
    <rPh sb="15" eb="17">
      <t>ドウロ</t>
    </rPh>
    <rPh sb="17" eb="19">
      <t>シンセツ</t>
    </rPh>
    <rPh sb="19" eb="21">
      <t>コウジ</t>
    </rPh>
    <phoneticPr fontId="1"/>
  </si>
  <si>
    <t>小沢地区頭首工補修工事</t>
  </si>
  <si>
    <t>県道710号（神縄神山）寄地区道路災害防除工事</t>
    <rPh sb="0" eb="2">
      <t>ケンドウ</t>
    </rPh>
    <rPh sb="5" eb="6">
      <t>ゴウ</t>
    </rPh>
    <rPh sb="7" eb="8">
      <t>カミ</t>
    </rPh>
    <rPh sb="8" eb="9">
      <t>ナワ</t>
    </rPh>
    <rPh sb="9" eb="11">
      <t>コウヤマ</t>
    </rPh>
    <rPh sb="12" eb="13">
      <t>ヤドリキ</t>
    </rPh>
    <rPh sb="13" eb="15">
      <t>チク</t>
    </rPh>
    <rPh sb="15" eb="17">
      <t>ドウロ</t>
    </rPh>
    <rPh sb="17" eb="19">
      <t>サイガイ</t>
    </rPh>
    <rPh sb="19" eb="21">
      <t>ボウジョ</t>
    </rPh>
    <rPh sb="21" eb="23">
      <t>コウジ</t>
    </rPh>
    <phoneticPr fontId="1"/>
  </si>
  <si>
    <t>かながわ環境整備センターしゃ水施設整備工事</t>
    <rPh sb="4" eb="8">
      <t>カンキョウセイビ</t>
    </rPh>
    <rPh sb="14" eb="15">
      <t>スイ</t>
    </rPh>
    <rPh sb="15" eb="17">
      <t>シセツ</t>
    </rPh>
    <rPh sb="17" eb="19">
      <t>セイビ</t>
    </rPh>
    <rPh sb="19" eb="21">
      <t>コウジ</t>
    </rPh>
    <phoneticPr fontId="1"/>
  </si>
  <si>
    <t>二級河川境川（大和市深見ほか）河川改修工事</t>
    <rPh sb="0" eb="2">
      <t>ニキュウ</t>
    </rPh>
    <rPh sb="2" eb="4">
      <t>カセン</t>
    </rPh>
    <rPh sb="4" eb="5">
      <t>サカイ</t>
    </rPh>
    <rPh sb="5" eb="6">
      <t>ガワ</t>
    </rPh>
    <rPh sb="7" eb="9">
      <t>ヤマト</t>
    </rPh>
    <rPh sb="9" eb="10">
      <t>シ</t>
    </rPh>
    <rPh sb="10" eb="12">
      <t>フカミ</t>
    </rPh>
    <rPh sb="15" eb="17">
      <t>カセン</t>
    </rPh>
    <rPh sb="17" eb="19">
      <t>カイシュウ</t>
    </rPh>
    <rPh sb="19" eb="21">
      <t>コウジ</t>
    </rPh>
    <phoneticPr fontId="1"/>
  </si>
  <si>
    <t>地方港湾真鶴港物揚げ場改修工事</t>
    <rPh sb="0" eb="2">
      <t>チホウ</t>
    </rPh>
    <rPh sb="2" eb="4">
      <t>コウワン</t>
    </rPh>
    <rPh sb="4" eb="6">
      <t>マナヅル</t>
    </rPh>
    <rPh sb="6" eb="7">
      <t>コウ</t>
    </rPh>
    <rPh sb="7" eb="9">
      <t>モノア</t>
    </rPh>
    <rPh sb="10" eb="11">
      <t>バ</t>
    </rPh>
    <rPh sb="11" eb="13">
      <t>カイシュウ</t>
    </rPh>
    <rPh sb="13" eb="15">
      <t>コウジ</t>
    </rPh>
    <phoneticPr fontId="1"/>
  </si>
  <si>
    <t>一級河川鳩川（相模原市南区磯部ほか１箇所）河川改修工事</t>
    <rPh sb="0" eb="2">
      <t>イッキュウ</t>
    </rPh>
    <rPh sb="2" eb="4">
      <t>カセン</t>
    </rPh>
    <rPh sb="4" eb="6">
      <t>ハトガワ</t>
    </rPh>
    <rPh sb="7" eb="11">
      <t>サガミハラシ</t>
    </rPh>
    <rPh sb="11" eb="13">
      <t>ミナミク</t>
    </rPh>
    <rPh sb="13" eb="15">
      <t>イソベ</t>
    </rPh>
    <rPh sb="18" eb="20">
      <t>カショ</t>
    </rPh>
    <rPh sb="21" eb="23">
      <t>カセン</t>
    </rPh>
    <rPh sb="23" eb="25">
      <t>カイシュウ</t>
    </rPh>
    <rPh sb="25" eb="27">
      <t>コウジ</t>
    </rPh>
    <phoneticPr fontId="1"/>
  </si>
  <si>
    <t>都市計画道路横浜藤沢線（藤沢市川名)街路整備工事</t>
    <rPh sb="0" eb="2">
      <t>トシ</t>
    </rPh>
    <rPh sb="2" eb="4">
      <t>ケイカク</t>
    </rPh>
    <rPh sb="4" eb="6">
      <t>ドウロ</t>
    </rPh>
    <rPh sb="6" eb="11">
      <t>ヨコハマフジサワセン</t>
    </rPh>
    <rPh sb="12" eb="14">
      <t>フジサワ</t>
    </rPh>
    <rPh sb="14" eb="15">
      <t>シ</t>
    </rPh>
    <rPh sb="15" eb="17">
      <t>カワナ</t>
    </rPh>
    <rPh sb="18" eb="20">
      <t>ガイロ</t>
    </rPh>
    <rPh sb="20" eb="22">
      <t>セイビ</t>
    </rPh>
    <rPh sb="22" eb="24">
      <t>コウジ</t>
    </rPh>
    <phoneticPr fontId="18"/>
  </si>
  <si>
    <t>大滝町地区急傾斜地崩壊対策工事</t>
    <rPh sb="0" eb="3">
      <t>オオタキチョウ</t>
    </rPh>
    <rPh sb="3" eb="5">
      <t>チク</t>
    </rPh>
    <rPh sb="5" eb="6">
      <t>キュウ</t>
    </rPh>
    <rPh sb="6" eb="9">
      <t>ケイシャチ</t>
    </rPh>
    <rPh sb="9" eb="11">
      <t>ホウカイ</t>
    </rPh>
    <rPh sb="11" eb="13">
      <t>タイサク</t>
    </rPh>
    <rPh sb="13" eb="15">
      <t>コウジ</t>
    </rPh>
    <phoneticPr fontId="1"/>
  </si>
  <si>
    <t>厚木市小野～愛甲基幹管路更新工事（第３工区）</t>
    <rPh sb="0" eb="3">
      <t>アツギシ</t>
    </rPh>
    <rPh sb="3" eb="5">
      <t>オノ</t>
    </rPh>
    <rPh sb="6" eb="8">
      <t>アイコウ</t>
    </rPh>
    <rPh sb="8" eb="12">
      <t>キカンカンロ</t>
    </rPh>
    <rPh sb="12" eb="14">
      <t>コウシン</t>
    </rPh>
    <rPh sb="14" eb="16">
      <t>コウジ</t>
    </rPh>
    <rPh sb="17" eb="18">
      <t>ダイ</t>
    </rPh>
    <rPh sb="19" eb="21">
      <t>コウク</t>
    </rPh>
    <phoneticPr fontId="1"/>
  </si>
  <si>
    <t>砂防指定地早川（堂ヶ島堰堤）災害復旧工事</t>
    <rPh sb="0" eb="2">
      <t>サボウ</t>
    </rPh>
    <rPh sb="2" eb="5">
      <t>シテイチ</t>
    </rPh>
    <rPh sb="5" eb="7">
      <t>ハヤカワ</t>
    </rPh>
    <rPh sb="8" eb="11">
      <t>ドウガシマ</t>
    </rPh>
    <rPh sb="11" eb="13">
      <t>エンテイ</t>
    </rPh>
    <rPh sb="14" eb="16">
      <t>サイガイ</t>
    </rPh>
    <rPh sb="16" eb="18">
      <t>フッキュウ</t>
    </rPh>
    <rPh sb="18" eb="20">
      <t>コウジ</t>
    </rPh>
    <phoneticPr fontId="1"/>
  </si>
  <si>
    <t>二級河川引地川（藤沢市下土棚）河川改修工事</t>
    <rPh sb="0" eb="2">
      <t>ニキュウ</t>
    </rPh>
    <rPh sb="2" eb="4">
      <t>カセン</t>
    </rPh>
    <rPh sb="4" eb="6">
      <t>ヒキジ</t>
    </rPh>
    <rPh sb="6" eb="7">
      <t>カワ</t>
    </rPh>
    <rPh sb="8" eb="11">
      <t>フジサワシ</t>
    </rPh>
    <rPh sb="11" eb="12">
      <t>シモ</t>
    </rPh>
    <rPh sb="12" eb="13">
      <t>ツチ</t>
    </rPh>
    <rPh sb="13" eb="14">
      <t>タナ</t>
    </rPh>
    <rPh sb="15" eb="17">
      <t>カセン</t>
    </rPh>
    <rPh sb="17" eb="19">
      <t>カイシュウ</t>
    </rPh>
    <rPh sb="19" eb="21">
      <t>コウジ</t>
    </rPh>
    <phoneticPr fontId="1"/>
  </si>
  <si>
    <t>都市計画道路城山多古線他（小田原市久野）街路整備工事</t>
    <rPh sb="0" eb="2">
      <t>トシ</t>
    </rPh>
    <rPh sb="2" eb="4">
      <t>ケイカク</t>
    </rPh>
    <rPh sb="4" eb="6">
      <t>ドウロ</t>
    </rPh>
    <rPh sb="6" eb="8">
      <t>シロヤマ</t>
    </rPh>
    <rPh sb="8" eb="10">
      <t>タコ</t>
    </rPh>
    <rPh sb="10" eb="11">
      <t>セン</t>
    </rPh>
    <rPh sb="11" eb="12">
      <t>ホカ</t>
    </rPh>
    <rPh sb="13" eb="17">
      <t>オダワラシ</t>
    </rPh>
    <rPh sb="17" eb="19">
      <t>クノ</t>
    </rPh>
    <rPh sb="20" eb="22">
      <t>ガイロ</t>
    </rPh>
    <rPh sb="22" eb="24">
      <t>セイビ</t>
    </rPh>
    <rPh sb="24" eb="26">
      <t>コウジ</t>
    </rPh>
    <phoneticPr fontId="1"/>
  </si>
  <si>
    <t>茅ヶ崎市茅ヶ崎２丁目地内配水管布設工事</t>
    <rPh sb="0" eb="3">
      <t>チガサキ</t>
    </rPh>
    <rPh sb="3" eb="4">
      <t>シ</t>
    </rPh>
    <rPh sb="4" eb="7">
      <t>チガサキ</t>
    </rPh>
    <rPh sb="8" eb="10">
      <t>チョウメ</t>
    </rPh>
    <rPh sb="10" eb="12">
      <t>チナイ</t>
    </rPh>
    <rPh sb="12" eb="15">
      <t>ハイスイカン</t>
    </rPh>
    <rPh sb="15" eb="17">
      <t>フセツ</t>
    </rPh>
    <rPh sb="17" eb="19">
      <t>コウジ</t>
    </rPh>
    <phoneticPr fontId="1"/>
  </si>
  <si>
    <t>砂防指定地早川（板里堰堤）災害復旧工事</t>
    <rPh sb="0" eb="2">
      <t>サボウ</t>
    </rPh>
    <rPh sb="2" eb="5">
      <t>シテイチ</t>
    </rPh>
    <rPh sb="5" eb="7">
      <t>ハヤカワ</t>
    </rPh>
    <rPh sb="8" eb="9">
      <t>イタ</t>
    </rPh>
    <rPh sb="9" eb="10">
      <t>リ</t>
    </rPh>
    <rPh sb="10" eb="12">
      <t>エンテイ</t>
    </rPh>
    <rPh sb="13" eb="15">
      <t>サイガイ</t>
    </rPh>
    <rPh sb="15" eb="17">
      <t>フッキュウ</t>
    </rPh>
    <rPh sb="17" eb="19">
      <t>コウジ</t>
    </rPh>
    <phoneticPr fontId="1"/>
  </si>
  <si>
    <t>県道26号（横須賀市小矢部四丁目）道路災害防除工事</t>
    <rPh sb="0" eb="2">
      <t>ケンドウ</t>
    </rPh>
    <rPh sb="4" eb="5">
      <t>ゴウ</t>
    </rPh>
    <rPh sb="6" eb="10">
      <t>ヨコスカシ</t>
    </rPh>
    <rPh sb="10" eb="13">
      <t>コヤベ</t>
    </rPh>
    <rPh sb="13" eb="16">
      <t>ヨンチョウメ</t>
    </rPh>
    <rPh sb="17" eb="19">
      <t>ドウロ</t>
    </rPh>
    <rPh sb="19" eb="21">
      <t>サイガイ</t>
    </rPh>
    <rPh sb="21" eb="23">
      <t>ボウジョ</t>
    </rPh>
    <rPh sb="23" eb="25">
      <t>コウジ</t>
    </rPh>
    <phoneticPr fontId="1"/>
  </si>
  <si>
    <t>大和市上和田地内配水管改良工事</t>
    <rPh sb="0" eb="3">
      <t>ヤマトシ</t>
    </rPh>
    <rPh sb="3" eb="6">
      <t>カミワダ</t>
    </rPh>
    <rPh sb="6" eb="8">
      <t>チナイ</t>
    </rPh>
    <rPh sb="8" eb="15">
      <t>ハイスイカンカイリョウコウジ</t>
    </rPh>
    <phoneticPr fontId="1"/>
  </si>
  <si>
    <t>藤沢市片瀬山３丁目地内配水管改良工事</t>
    <rPh sb="0" eb="3">
      <t>フジサワシ</t>
    </rPh>
    <rPh sb="3" eb="5">
      <t>カタセ</t>
    </rPh>
    <rPh sb="5" eb="6">
      <t>ヤマ</t>
    </rPh>
    <rPh sb="7" eb="9">
      <t>チョウメ</t>
    </rPh>
    <rPh sb="9" eb="11">
      <t>チナイ</t>
    </rPh>
    <rPh sb="11" eb="14">
      <t>ハイスイカン</t>
    </rPh>
    <rPh sb="14" eb="18">
      <t>カイリョウコウジ</t>
    </rPh>
    <phoneticPr fontId="1"/>
  </si>
  <si>
    <t>稲村ガ崎５丁目地区急傾斜地崩壊対策工事</t>
    <rPh sb="0" eb="2">
      <t>イナムラ</t>
    </rPh>
    <rPh sb="3" eb="4">
      <t>サキ</t>
    </rPh>
    <rPh sb="5" eb="7">
      <t>チョウメ</t>
    </rPh>
    <rPh sb="7" eb="9">
      <t>チク</t>
    </rPh>
    <rPh sb="9" eb="19">
      <t>キュウケイシャチホウカイタイサクコウジ</t>
    </rPh>
    <phoneticPr fontId="1"/>
  </si>
  <si>
    <t>二級河川下山川（葉山町下山口）河川修繕工事</t>
    <rPh sb="0" eb="2">
      <t>ニキュウ</t>
    </rPh>
    <rPh sb="2" eb="4">
      <t>カセン</t>
    </rPh>
    <rPh sb="4" eb="5">
      <t>シモ</t>
    </rPh>
    <rPh sb="5" eb="7">
      <t>ヤマガワ</t>
    </rPh>
    <rPh sb="8" eb="11">
      <t>ハヤママチ</t>
    </rPh>
    <rPh sb="11" eb="14">
      <t>シモヤマグチ</t>
    </rPh>
    <rPh sb="15" eb="17">
      <t>カセン</t>
    </rPh>
    <rPh sb="17" eb="19">
      <t>シュウゼン</t>
    </rPh>
    <rPh sb="19" eb="21">
      <t>コウジ</t>
    </rPh>
    <phoneticPr fontId="1"/>
  </si>
  <si>
    <t>洒水の滝下治山工事</t>
    <rPh sb="0" eb="2">
      <t>シャスイ</t>
    </rPh>
    <rPh sb="3" eb="5">
      <t>タキシタ</t>
    </rPh>
    <rPh sb="5" eb="7">
      <t>チサン</t>
    </rPh>
    <rPh sb="7" eb="9">
      <t>コウジ</t>
    </rPh>
    <phoneticPr fontId="1"/>
  </si>
  <si>
    <t>伊勢原市笠窪地内配水管改良工事</t>
    <rPh sb="0" eb="4">
      <t>イセハラシ</t>
    </rPh>
    <rPh sb="4" eb="6">
      <t>カサクボ</t>
    </rPh>
    <rPh sb="6" eb="8">
      <t>チナイ</t>
    </rPh>
    <rPh sb="8" eb="15">
      <t>ハイスイカンカイリョウコウジ</t>
    </rPh>
    <phoneticPr fontId="1"/>
  </si>
  <si>
    <t>堀内Ｅ地区急傾斜地崩壊対策工事</t>
    <rPh sb="0" eb="2">
      <t>ホリウチ</t>
    </rPh>
    <rPh sb="3" eb="5">
      <t>チク</t>
    </rPh>
    <rPh sb="5" eb="8">
      <t>キュウケイシャ</t>
    </rPh>
    <rPh sb="8" eb="9">
      <t>チ</t>
    </rPh>
    <rPh sb="9" eb="11">
      <t>ホウカイ</t>
    </rPh>
    <rPh sb="11" eb="13">
      <t>タイサク</t>
    </rPh>
    <rPh sb="13" eb="15">
      <t>コウジ</t>
    </rPh>
    <phoneticPr fontId="1"/>
  </si>
  <si>
    <t>厚木市飯山地内配水管改良工事</t>
    <rPh sb="0" eb="3">
      <t>アツギシ</t>
    </rPh>
    <rPh sb="3" eb="5">
      <t>イイヤマ</t>
    </rPh>
    <rPh sb="5" eb="7">
      <t>チナイ</t>
    </rPh>
    <rPh sb="7" eb="14">
      <t>ハイスイカンカイリョウコウジ</t>
    </rPh>
    <phoneticPr fontId="1"/>
  </si>
  <si>
    <t>早戸川林道（相模原市緑区鳥屋）改良工事</t>
    <rPh sb="0" eb="2">
      <t>ハヤト</t>
    </rPh>
    <rPh sb="2" eb="3">
      <t>ガワ</t>
    </rPh>
    <rPh sb="3" eb="5">
      <t>リンドウ</t>
    </rPh>
    <rPh sb="15" eb="17">
      <t>カイリョウ</t>
    </rPh>
    <rPh sb="17" eb="19">
      <t>コウジ</t>
    </rPh>
    <phoneticPr fontId="1"/>
  </si>
  <si>
    <t>釜利谷町赤坂地区急傾斜地崩壊対策工事</t>
    <rPh sb="0" eb="6">
      <t>カマリヤチョウアカサカ</t>
    </rPh>
    <rPh sb="6" eb="8">
      <t>チク</t>
    </rPh>
    <rPh sb="8" eb="18">
      <t>キュウケイシャチホウカイタイサクコウジ</t>
    </rPh>
    <phoneticPr fontId="1"/>
  </si>
  <si>
    <t>大和市下鶴間地内配水管改良工事</t>
    <rPh sb="0" eb="3">
      <t>ヤマトシ</t>
    </rPh>
    <rPh sb="3" eb="6">
      <t>シモツルマ</t>
    </rPh>
    <rPh sb="6" eb="15">
      <t>チナイハイスイカンカイリョウコウジ</t>
    </rPh>
    <phoneticPr fontId="1"/>
  </si>
  <si>
    <t>大和市鶴間１丁目地内配水管改良工事</t>
    <rPh sb="0" eb="3">
      <t>ヤマトシ</t>
    </rPh>
    <rPh sb="3" eb="5">
      <t>ツルマ</t>
    </rPh>
    <rPh sb="6" eb="8">
      <t>チョウメ</t>
    </rPh>
    <rPh sb="8" eb="17">
      <t>チナイハイスイカンカイリョウコウジ</t>
    </rPh>
    <phoneticPr fontId="1"/>
  </si>
  <si>
    <t>葉山海岸海岸高潮対策工事</t>
    <rPh sb="0" eb="2">
      <t>ハヤマ</t>
    </rPh>
    <rPh sb="2" eb="4">
      <t>カイガン</t>
    </rPh>
    <rPh sb="4" eb="6">
      <t>カイガン</t>
    </rPh>
    <rPh sb="6" eb="8">
      <t>タカシオ</t>
    </rPh>
    <rPh sb="8" eb="10">
      <t>タイサク</t>
    </rPh>
    <rPh sb="10" eb="12">
      <t>コウジ</t>
    </rPh>
    <phoneticPr fontId="1"/>
  </si>
  <si>
    <t>逗子市小坪５丁目地内配水管改良工事</t>
    <rPh sb="0" eb="3">
      <t>ズシシ</t>
    </rPh>
    <rPh sb="3" eb="5">
      <t>コツボ</t>
    </rPh>
    <rPh sb="6" eb="8">
      <t>チョウメ</t>
    </rPh>
    <rPh sb="8" eb="10">
      <t>チナイ</t>
    </rPh>
    <rPh sb="10" eb="13">
      <t>ハイスイカン</t>
    </rPh>
    <rPh sb="13" eb="15">
      <t>カイリョウ</t>
    </rPh>
    <rPh sb="15" eb="17">
      <t>コウジ</t>
    </rPh>
    <phoneticPr fontId="1"/>
  </si>
  <si>
    <t>県道718号（小田原市鴨宮他）道路補修工事</t>
    <rPh sb="0" eb="2">
      <t>ケンドウ</t>
    </rPh>
    <rPh sb="5" eb="6">
      <t>ゴウ</t>
    </rPh>
    <rPh sb="7" eb="11">
      <t>オダワラシ</t>
    </rPh>
    <rPh sb="11" eb="13">
      <t>カモノミヤ</t>
    </rPh>
    <rPh sb="13" eb="14">
      <t>ホカ</t>
    </rPh>
    <rPh sb="15" eb="17">
      <t>ドウロ</t>
    </rPh>
    <rPh sb="17" eb="19">
      <t>ホシュウ</t>
    </rPh>
    <rPh sb="19" eb="21">
      <t>コウジ</t>
    </rPh>
    <phoneticPr fontId="1"/>
  </si>
  <si>
    <t>横浜川崎治水事務所</t>
    <rPh sb="0" eb="2">
      <t>ヨコハマ</t>
    </rPh>
    <rPh sb="2" eb="4">
      <t>カワサキ</t>
    </rPh>
    <rPh sb="4" eb="6">
      <t>チスイ</t>
    </rPh>
    <rPh sb="6" eb="8">
      <t>ジム</t>
    </rPh>
    <rPh sb="8" eb="9">
      <t>ショ</t>
    </rPh>
    <phoneticPr fontId="4"/>
  </si>
  <si>
    <t>流域下水道整備事務所</t>
    <rPh sb="0" eb="2">
      <t>リュウイキ</t>
    </rPh>
    <rPh sb="2" eb="5">
      <t>ゲスイドウ</t>
    </rPh>
    <rPh sb="5" eb="7">
      <t>セイビ</t>
    </rPh>
    <rPh sb="7" eb="9">
      <t>ジム</t>
    </rPh>
    <rPh sb="9" eb="10">
      <t>ショ</t>
    </rPh>
    <phoneticPr fontId="7"/>
  </si>
  <si>
    <t>厚木土木事務所東部センター</t>
    <rPh sb="0" eb="2">
      <t>アツギ</t>
    </rPh>
    <rPh sb="2" eb="4">
      <t>ドボク</t>
    </rPh>
    <rPh sb="4" eb="6">
      <t>ジム</t>
    </rPh>
    <rPh sb="6" eb="7">
      <t>ショ</t>
    </rPh>
    <rPh sb="7" eb="9">
      <t>トウブ</t>
    </rPh>
    <phoneticPr fontId="3"/>
  </si>
  <si>
    <t>藤沢土木事務所</t>
    <rPh sb="0" eb="2">
      <t>フジサワ</t>
    </rPh>
    <rPh sb="2" eb="4">
      <t>ドボク</t>
    </rPh>
    <rPh sb="4" eb="6">
      <t>ジム</t>
    </rPh>
    <rPh sb="6" eb="7">
      <t>ショ</t>
    </rPh>
    <phoneticPr fontId="4"/>
  </si>
  <si>
    <t>湘南地域県政総合センター</t>
    <rPh sb="0" eb="2">
      <t>ショウナン</t>
    </rPh>
    <rPh sb="2" eb="4">
      <t>チイキ</t>
    </rPh>
    <rPh sb="4" eb="8">
      <t>ケンセイソウゴウ</t>
    </rPh>
    <phoneticPr fontId="2"/>
  </si>
  <si>
    <t>県西土木事務所</t>
    <rPh sb="0" eb="2">
      <t>ケンセイ</t>
    </rPh>
    <rPh sb="2" eb="4">
      <t>ドボク</t>
    </rPh>
    <rPh sb="4" eb="6">
      <t>ジム</t>
    </rPh>
    <rPh sb="6" eb="7">
      <t>ショ</t>
    </rPh>
    <phoneticPr fontId="4"/>
  </si>
  <si>
    <t>横須賀土木事務所</t>
    <rPh sb="0" eb="3">
      <t>ヨコスカ</t>
    </rPh>
    <rPh sb="3" eb="5">
      <t>ドボク</t>
    </rPh>
    <rPh sb="5" eb="7">
      <t>ジム</t>
    </rPh>
    <rPh sb="7" eb="8">
      <t>ショ</t>
    </rPh>
    <phoneticPr fontId="14"/>
  </si>
  <si>
    <t>住宅営繕事務所</t>
    <rPh sb="0" eb="2">
      <t>ジュウタク</t>
    </rPh>
    <rPh sb="2" eb="4">
      <t>エイゼン</t>
    </rPh>
    <rPh sb="4" eb="6">
      <t>ジム</t>
    </rPh>
    <rPh sb="6" eb="7">
      <t>ショ</t>
    </rPh>
    <phoneticPr fontId="5"/>
  </si>
  <si>
    <t>寒川浄水場</t>
  </si>
  <si>
    <t>県立病院課</t>
    <rPh sb="0" eb="2">
      <t>ケンリツ</t>
    </rPh>
    <rPh sb="2" eb="4">
      <t>ビョウイン</t>
    </rPh>
    <rPh sb="4" eb="5">
      <t>カ</t>
    </rPh>
    <phoneticPr fontId="2"/>
  </si>
  <si>
    <t>茅ケ崎水道営業所</t>
  </si>
  <si>
    <t>大和水道営業所</t>
  </si>
  <si>
    <t>住宅営繕事務所</t>
    <rPh sb="0" eb="2">
      <t>ジュウタク</t>
    </rPh>
    <rPh sb="2" eb="4">
      <t>エイゼン</t>
    </rPh>
    <rPh sb="4" eb="6">
      <t>ジム</t>
    </rPh>
    <rPh sb="6" eb="7">
      <t>ショ</t>
    </rPh>
    <phoneticPr fontId="4"/>
  </si>
  <si>
    <t>厚木水道営業所</t>
  </si>
  <si>
    <t>相模原水道営業所</t>
  </si>
  <si>
    <t>県西地域県政総合センター</t>
    <rPh sb="0" eb="1">
      <t>ケン</t>
    </rPh>
    <rPh sb="1" eb="2">
      <t>ニシ</t>
    </rPh>
    <rPh sb="2" eb="8">
      <t>チイキケンセイソウゴウ</t>
    </rPh>
    <phoneticPr fontId="2"/>
  </si>
  <si>
    <t>相模原南水道営業所</t>
  </si>
  <si>
    <t>津久井水道営業所</t>
  </si>
  <si>
    <t>横須賀土木事務所</t>
    <rPh sb="0" eb="3">
      <t>ヨコスカ</t>
    </rPh>
    <rPh sb="3" eb="5">
      <t>ドボク</t>
    </rPh>
    <rPh sb="5" eb="7">
      <t>ジム</t>
    </rPh>
    <rPh sb="7" eb="8">
      <t>ショ</t>
    </rPh>
    <phoneticPr fontId="0"/>
  </si>
  <si>
    <t>厚木土木事務所</t>
  </si>
  <si>
    <t>流域下水道整備事務所</t>
    <rPh sb="0" eb="2">
      <t>リュウイキ</t>
    </rPh>
    <rPh sb="2" eb="5">
      <t>ゲスイドウ</t>
    </rPh>
    <rPh sb="5" eb="7">
      <t>セイビ</t>
    </rPh>
    <rPh sb="7" eb="9">
      <t>ジム</t>
    </rPh>
    <rPh sb="9" eb="10">
      <t>ショ</t>
    </rPh>
    <phoneticPr fontId="9"/>
  </si>
  <si>
    <t>平塚土木事務所</t>
    <rPh sb="0" eb="2">
      <t>ヒラツカ</t>
    </rPh>
    <rPh sb="2" eb="4">
      <t>ドボク</t>
    </rPh>
    <rPh sb="4" eb="6">
      <t>ジム</t>
    </rPh>
    <rPh sb="6" eb="7">
      <t>ショ</t>
    </rPh>
    <phoneticPr fontId="4"/>
  </si>
  <si>
    <t>横須賀土木事務所</t>
    <rPh sb="0" eb="3">
      <t>ヨコスカ</t>
    </rPh>
    <rPh sb="3" eb="5">
      <t>ドボク</t>
    </rPh>
    <rPh sb="5" eb="7">
      <t>ジム</t>
    </rPh>
    <rPh sb="7" eb="8">
      <t>ショ</t>
    </rPh>
    <phoneticPr fontId="17"/>
  </si>
  <si>
    <t>相模川水系ダム管理事務所</t>
    <rPh sb="7" eb="9">
      <t>カンリ</t>
    </rPh>
    <rPh sb="9" eb="11">
      <t>ジム</t>
    </rPh>
    <rPh sb="11" eb="12">
      <t>ショ</t>
    </rPh>
    <phoneticPr fontId="1"/>
  </si>
  <si>
    <t>平塚土木事務所</t>
    <rPh sb="0" eb="7">
      <t>ヒラツカドボクジムショ</t>
    </rPh>
    <phoneticPr fontId="5"/>
  </si>
  <si>
    <t>横浜川崎治水事務所</t>
    <rPh sb="0" eb="2">
      <t>ヨコハマ</t>
    </rPh>
    <rPh sb="2" eb="4">
      <t>カワサキ</t>
    </rPh>
    <rPh sb="4" eb="6">
      <t>チスイ</t>
    </rPh>
    <rPh sb="6" eb="8">
      <t>ジム</t>
    </rPh>
    <rPh sb="8" eb="9">
      <t>ショ</t>
    </rPh>
    <phoneticPr fontId="5"/>
  </si>
  <si>
    <t>県西土木事務所</t>
    <rPh sb="0" eb="2">
      <t>ケンセイ</t>
    </rPh>
    <rPh sb="2" eb="4">
      <t>ドボク</t>
    </rPh>
    <rPh sb="4" eb="6">
      <t>ジム</t>
    </rPh>
    <rPh sb="6" eb="7">
      <t>ショ</t>
    </rPh>
    <phoneticPr fontId="6"/>
  </si>
  <si>
    <t>厚木土木事務所</t>
    <rPh sb="0" eb="2">
      <t>アツギ</t>
    </rPh>
    <rPh sb="2" eb="4">
      <t>ドボク</t>
    </rPh>
    <rPh sb="4" eb="6">
      <t>ジム</t>
    </rPh>
    <rPh sb="6" eb="7">
      <t>ショ</t>
    </rPh>
    <phoneticPr fontId="6"/>
  </si>
  <si>
    <t>藤沢土木事務所</t>
    <rPh sb="0" eb="2">
      <t>フジサワ</t>
    </rPh>
    <rPh sb="2" eb="4">
      <t>ドボク</t>
    </rPh>
    <rPh sb="4" eb="6">
      <t>ジム</t>
    </rPh>
    <rPh sb="6" eb="7">
      <t>ショ</t>
    </rPh>
    <phoneticPr fontId="5"/>
  </si>
  <si>
    <t>横須賀三浦地域県政総合センター</t>
    <rPh sb="0" eb="11">
      <t>ヨコスカミウラチイキケンセイソウゴウ</t>
    </rPh>
    <phoneticPr fontId="1"/>
  </si>
  <si>
    <t>湘南地域県政総合センター</t>
    <rPh sb="0" eb="2">
      <t>ショウナン</t>
    </rPh>
    <rPh sb="2" eb="8">
      <t>チイキケンセイソウゴウ</t>
    </rPh>
    <phoneticPr fontId="1"/>
  </si>
  <si>
    <t>県西土木事務所小田原土木センター</t>
    <rPh sb="0" eb="1">
      <t>ケン</t>
    </rPh>
    <rPh sb="1" eb="2">
      <t>ニシ</t>
    </rPh>
    <rPh sb="2" eb="4">
      <t>ドボク</t>
    </rPh>
    <rPh sb="4" eb="6">
      <t>ジム</t>
    </rPh>
    <rPh sb="6" eb="7">
      <t>ショ</t>
    </rPh>
    <phoneticPr fontId="3"/>
  </si>
  <si>
    <t>横須賀土木事務所</t>
    <rPh sb="0" eb="3">
      <t>ヨコスカ</t>
    </rPh>
    <rPh sb="3" eb="5">
      <t>ドボク</t>
    </rPh>
    <rPh sb="5" eb="7">
      <t>ジム</t>
    </rPh>
    <rPh sb="7" eb="8">
      <t>ショ</t>
    </rPh>
    <phoneticPr fontId="2"/>
  </si>
  <si>
    <t>平塚土木事務所</t>
    <rPh sb="0" eb="2">
      <t>ヒラツカ</t>
    </rPh>
    <rPh sb="2" eb="4">
      <t>ドボク</t>
    </rPh>
    <rPh sb="4" eb="6">
      <t>ジム</t>
    </rPh>
    <rPh sb="6" eb="7">
      <t>ショ</t>
    </rPh>
    <phoneticPr fontId="6"/>
  </si>
  <si>
    <t>厚木土木事務所津久井治水センター</t>
    <rPh sb="0" eb="2">
      <t>アツギ</t>
    </rPh>
    <rPh sb="2" eb="4">
      <t>ドボク</t>
    </rPh>
    <rPh sb="4" eb="7">
      <t>ジムショ</t>
    </rPh>
    <rPh sb="7" eb="10">
      <t>ツクイ</t>
    </rPh>
    <rPh sb="10" eb="12">
      <t>チスイ</t>
    </rPh>
    <phoneticPr fontId="3"/>
  </si>
  <si>
    <t>県西土木事務所</t>
    <rPh sb="0" eb="2">
      <t>ケンセイ</t>
    </rPh>
    <rPh sb="2" eb="4">
      <t>ドボク</t>
    </rPh>
    <rPh sb="4" eb="6">
      <t>ジム</t>
    </rPh>
    <rPh sb="6" eb="7">
      <t>ショ</t>
    </rPh>
    <phoneticPr fontId="5"/>
  </si>
  <si>
    <t>流域下水道整備事務所</t>
    <rPh sb="0" eb="2">
      <t>リュウイキ</t>
    </rPh>
    <rPh sb="2" eb="5">
      <t>ゲスイドウ</t>
    </rPh>
    <rPh sb="5" eb="7">
      <t>セイビ</t>
    </rPh>
    <rPh sb="7" eb="9">
      <t>ジム</t>
    </rPh>
    <rPh sb="9" eb="10">
      <t>ショ</t>
    </rPh>
    <phoneticPr fontId="6"/>
  </si>
  <si>
    <t>藤沢水道営業所</t>
  </si>
  <si>
    <t>厚木土木事務所</t>
    <rPh sb="0" eb="2">
      <t>アツギ</t>
    </rPh>
    <rPh sb="2" eb="4">
      <t>ドボク</t>
    </rPh>
    <rPh sb="4" eb="6">
      <t>ジム</t>
    </rPh>
    <rPh sb="6" eb="7">
      <t>ショ</t>
    </rPh>
    <phoneticPr fontId="5"/>
  </si>
  <si>
    <t>厚木土木事務所津久井治水センター</t>
    <rPh sb="0" eb="2">
      <t>アツギ</t>
    </rPh>
    <rPh sb="2" eb="4">
      <t>ドボク</t>
    </rPh>
    <rPh sb="4" eb="7">
      <t>ジムショ</t>
    </rPh>
    <rPh sb="7" eb="10">
      <t>ツクイ</t>
    </rPh>
    <rPh sb="10" eb="12">
      <t>チスイ</t>
    </rPh>
    <phoneticPr fontId="5"/>
  </si>
  <si>
    <t>県西土木事務所小田原土木センター</t>
    <rPh sb="0" eb="1">
      <t>ケン</t>
    </rPh>
    <rPh sb="1" eb="2">
      <t>ニシ</t>
    </rPh>
    <rPh sb="2" eb="4">
      <t>ドボク</t>
    </rPh>
    <rPh sb="4" eb="6">
      <t>ジム</t>
    </rPh>
    <rPh sb="6" eb="7">
      <t>ショ</t>
    </rPh>
    <phoneticPr fontId="1"/>
  </si>
  <si>
    <t>平塚土木事務所</t>
    <rPh sb="0" eb="2">
      <t>ヒラツカ</t>
    </rPh>
    <rPh sb="2" eb="4">
      <t>ドボク</t>
    </rPh>
    <rPh sb="4" eb="6">
      <t>ジム</t>
    </rPh>
    <rPh sb="6" eb="7">
      <t>ショ</t>
    </rPh>
    <phoneticPr fontId="5"/>
  </si>
  <si>
    <t>厚木土木事務所東部センター</t>
    <rPh sb="0" eb="2">
      <t>アツギ</t>
    </rPh>
    <rPh sb="2" eb="4">
      <t>ドボク</t>
    </rPh>
    <rPh sb="4" eb="6">
      <t>ジム</t>
    </rPh>
    <rPh sb="6" eb="7">
      <t>ショ</t>
    </rPh>
    <rPh sb="7" eb="9">
      <t>トウブ</t>
    </rPh>
    <phoneticPr fontId="5"/>
  </si>
  <si>
    <t>平塚土木事務所</t>
    <rPh sb="0" eb="2">
      <t>ヒラツカ</t>
    </rPh>
    <rPh sb="2" eb="4">
      <t>ドボク</t>
    </rPh>
    <rPh sb="4" eb="6">
      <t>ジム</t>
    </rPh>
    <rPh sb="6" eb="7">
      <t>ショ</t>
    </rPh>
    <phoneticPr fontId="12"/>
  </si>
  <si>
    <t>横須賀土木事務所</t>
    <rPh sb="0" eb="3">
      <t>ヨコスカ</t>
    </rPh>
    <rPh sb="3" eb="5">
      <t>ドボク</t>
    </rPh>
    <rPh sb="5" eb="7">
      <t>ジム</t>
    </rPh>
    <rPh sb="7" eb="8">
      <t>ショ</t>
    </rPh>
    <phoneticPr fontId="12"/>
  </si>
  <si>
    <t>住宅営繕事務所</t>
    <rPh sb="0" eb="2">
      <t>ジュウタク</t>
    </rPh>
    <rPh sb="2" eb="4">
      <t>エイゼン</t>
    </rPh>
    <rPh sb="4" eb="6">
      <t>ジム</t>
    </rPh>
    <rPh sb="6" eb="7">
      <t>ショ</t>
    </rPh>
    <phoneticPr fontId="12"/>
  </si>
  <si>
    <t>横浜川崎治水事務所</t>
    <rPh sb="0" eb="2">
      <t>ヨコハマ</t>
    </rPh>
    <rPh sb="2" eb="4">
      <t>カワサキ</t>
    </rPh>
    <rPh sb="4" eb="6">
      <t>チスイ</t>
    </rPh>
    <rPh sb="6" eb="8">
      <t>ジム</t>
    </rPh>
    <rPh sb="8" eb="9">
      <t>ショ</t>
    </rPh>
    <phoneticPr fontId="12"/>
  </si>
  <si>
    <t>県西土木事務所小田原土木センター</t>
    <rPh sb="0" eb="1">
      <t>ケン</t>
    </rPh>
    <rPh sb="1" eb="2">
      <t>ニシ</t>
    </rPh>
    <rPh sb="2" eb="4">
      <t>ドボク</t>
    </rPh>
    <rPh sb="4" eb="6">
      <t>ジム</t>
    </rPh>
    <rPh sb="6" eb="7">
      <t>ショ</t>
    </rPh>
    <phoneticPr fontId="12"/>
  </si>
  <si>
    <t>厚木土木事務所</t>
    <rPh sb="0" eb="2">
      <t>アツギ</t>
    </rPh>
    <rPh sb="2" eb="4">
      <t>ドボク</t>
    </rPh>
    <rPh sb="4" eb="6">
      <t>ジム</t>
    </rPh>
    <rPh sb="6" eb="7">
      <t>ショ</t>
    </rPh>
    <phoneticPr fontId="12"/>
  </si>
  <si>
    <t>厚木土木事務所東部センター</t>
    <rPh sb="0" eb="2">
      <t>アツギ</t>
    </rPh>
    <rPh sb="2" eb="4">
      <t>ドボク</t>
    </rPh>
    <rPh sb="4" eb="6">
      <t>ジム</t>
    </rPh>
    <rPh sb="6" eb="7">
      <t>ショ</t>
    </rPh>
    <rPh sb="7" eb="9">
      <t>トウブ</t>
    </rPh>
    <phoneticPr fontId="12"/>
  </si>
  <si>
    <t>自然環境保全センター</t>
    <rPh sb="0" eb="10">
      <t>シゼ</t>
    </rPh>
    <phoneticPr fontId="12"/>
  </si>
  <si>
    <t>津久井水道営業所</t>
    <rPh sb="3" eb="5">
      <t>スイドウ</t>
    </rPh>
    <rPh sb="5" eb="8">
      <t>エイギョウショ</t>
    </rPh>
    <phoneticPr fontId="12"/>
  </si>
  <si>
    <t>県西土木事務所</t>
    <rPh sb="0" eb="2">
      <t>ケンセイ</t>
    </rPh>
    <rPh sb="2" eb="4">
      <t>ドボク</t>
    </rPh>
    <rPh sb="4" eb="6">
      <t>ジム</t>
    </rPh>
    <rPh sb="6" eb="7">
      <t>ショ</t>
    </rPh>
    <phoneticPr fontId="12"/>
  </si>
  <si>
    <t>茅ケ崎水道営業所</t>
    <rPh sb="3" eb="8">
      <t>スイドウエイギョウショ</t>
    </rPh>
    <phoneticPr fontId="12"/>
  </si>
  <si>
    <t>スポーツ課</t>
    <rPh sb="4" eb="5">
      <t>カ</t>
    </rPh>
    <phoneticPr fontId="12"/>
  </si>
  <si>
    <t>津久井水道営業所</t>
    <rPh sb="3" eb="8">
      <t>スイドウエイギョウショ</t>
    </rPh>
    <phoneticPr fontId="12"/>
  </si>
  <si>
    <t>藤沢水道営業所</t>
    <rPh sb="2" eb="7">
      <t>スイドウエイギョウショ</t>
    </rPh>
    <phoneticPr fontId="12"/>
  </si>
  <si>
    <t>県西地域県政総合センター</t>
    <rPh sb="0" eb="2">
      <t>ケンセイ</t>
    </rPh>
    <rPh sb="2" eb="4">
      <t>チイキ</t>
    </rPh>
    <rPh sb="4" eb="6">
      <t>ケンセイ</t>
    </rPh>
    <rPh sb="6" eb="8">
      <t>ソウゴウ</t>
    </rPh>
    <phoneticPr fontId="12"/>
  </si>
  <si>
    <t>鎌倉水道営業所</t>
    <rPh sb="2" eb="7">
      <t>スイドウエイギョウショ</t>
    </rPh>
    <phoneticPr fontId="12"/>
  </si>
  <si>
    <t>藤沢土木事務所</t>
    <rPh sb="0" eb="2">
      <t>フジサワ</t>
    </rPh>
    <rPh sb="2" eb="4">
      <t>ドボク</t>
    </rPh>
    <rPh sb="4" eb="6">
      <t>ジム</t>
    </rPh>
    <rPh sb="6" eb="7">
      <t>ショ</t>
    </rPh>
    <phoneticPr fontId="12"/>
  </si>
  <si>
    <t>流域下水道整備事務所</t>
  </si>
  <si>
    <t>横浜川崎治水事務所川崎治水センター</t>
    <rPh sb="0" eb="2">
      <t>ヨコハマ</t>
    </rPh>
    <rPh sb="2" eb="4">
      <t>カワサキ</t>
    </rPh>
    <rPh sb="4" eb="6">
      <t>チスイ</t>
    </rPh>
    <rPh sb="6" eb="8">
      <t>ジム</t>
    </rPh>
    <rPh sb="8" eb="9">
      <t>ショ</t>
    </rPh>
    <rPh sb="9" eb="11">
      <t>カワサキ</t>
    </rPh>
    <rPh sb="11" eb="13">
      <t>チスイ</t>
    </rPh>
    <phoneticPr fontId="12"/>
  </si>
  <si>
    <t>平塚土木事務所</t>
    <rPh sb="0" eb="2">
      <t>ヒラツカ</t>
    </rPh>
    <rPh sb="2" eb="4">
      <t>ドボク</t>
    </rPh>
    <rPh sb="4" eb="6">
      <t>ジム</t>
    </rPh>
    <rPh sb="6" eb="7">
      <t>ショ</t>
    </rPh>
    <phoneticPr fontId="28"/>
  </si>
  <si>
    <t>流域下水道整備事務所</t>
    <rPh sb="0" eb="2">
      <t>リュウイキ</t>
    </rPh>
    <rPh sb="2" eb="5">
      <t>ゲスイドウ</t>
    </rPh>
    <rPh sb="5" eb="7">
      <t>セイビ</t>
    </rPh>
    <rPh sb="7" eb="9">
      <t>ジム</t>
    </rPh>
    <rPh sb="9" eb="10">
      <t>ショ</t>
    </rPh>
    <phoneticPr fontId="35"/>
  </si>
  <si>
    <t>住宅営繕事務所</t>
    <rPh sb="0" eb="2">
      <t>ジュウタク</t>
    </rPh>
    <rPh sb="2" eb="4">
      <t>エイゼン</t>
    </rPh>
    <rPh sb="4" eb="6">
      <t>ジム</t>
    </rPh>
    <rPh sb="6" eb="7">
      <t>ショ</t>
    </rPh>
    <phoneticPr fontId="27"/>
  </si>
  <si>
    <t>平塚土木事務所</t>
    <rPh sb="0" eb="2">
      <t>ヒラツカ</t>
    </rPh>
    <rPh sb="2" eb="4">
      <t>ドボク</t>
    </rPh>
    <rPh sb="4" eb="6">
      <t>ジム</t>
    </rPh>
    <rPh sb="6" eb="7">
      <t>ショ</t>
    </rPh>
    <phoneticPr fontId="29"/>
  </si>
  <si>
    <t>横須賀土木事務所</t>
    <rPh sb="0" eb="3">
      <t>ヨコスカ</t>
    </rPh>
    <rPh sb="3" eb="5">
      <t>ドボク</t>
    </rPh>
    <rPh sb="5" eb="7">
      <t>ジム</t>
    </rPh>
    <rPh sb="7" eb="8">
      <t>ショ</t>
    </rPh>
    <phoneticPr fontId="27"/>
  </si>
  <si>
    <t>横浜川崎治水事務所</t>
    <rPh sb="0" eb="2">
      <t>ヨコハマ</t>
    </rPh>
    <rPh sb="2" eb="4">
      <t>カワサキ</t>
    </rPh>
    <rPh sb="4" eb="6">
      <t>チスイ</t>
    </rPh>
    <rPh sb="6" eb="8">
      <t>ジム</t>
    </rPh>
    <rPh sb="8" eb="9">
      <t>ショ</t>
    </rPh>
    <phoneticPr fontId="27"/>
  </si>
  <si>
    <t>厚木土木事務所</t>
    <rPh sb="0" eb="2">
      <t>アツギ</t>
    </rPh>
    <rPh sb="2" eb="4">
      <t>ドボク</t>
    </rPh>
    <rPh sb="4" eb="6">
      <t>ジム</t>
    </rPh>
    <rPh sb="6" eb="7">
      <t>ショ</t>
    </rPh>
    <phoneticPr fontId="29"/>
  </si>
  <si>
    <t>県西土木事務所小田原土木センター</t>
    <rPh sb="0" eb="1">
      <t>ケン</t>
    </rPh>
    <rPh sb="1" eb="2">
      <t>ニシ</t>
    </rPh>
    <rPh sb="2" eb="4">
      <t>ドボク</t>
    </rPh>
    <rPh sb="4" eb="6">
      <t>ジム</t>
    </rPh>
    <rPh sb="6" eb="7">
      <t>ショ</t>
    </rPh>
    <phoneticPr fontId="28"/>
  </si>
  <si>
    <t>県西土木事務所</t>
    <rPh sb="0" eb="2">
      <t>ケンセイ</t>
    </rPh>
    <rPh sb="2" eb="4">
      <t>ドボク</t>
    </rPh>
    <rPh sb="4" eb="6">
      <t>ジム</t>
    </rPh>
    <rPh sb="6" eb="7">
      <t>ショ</t>
    </rPh>
    <phoneticPr fontId="28"/>
  </si>
  <si>
    <t>藤沢土木事務所</t>
    <rPh sb="0" eb="2">
      <t>フジサワ</t>
    </rPh>
    <rPh sb="2" eb="4">
      <t>ドボク</t>
    </rPh>
    <rPh sb="4" eb="6">
      <t>ジム</t>
    </rPh>
    <rPh sb="6" eb="7">
      <t>ショ</t>
    </rPh>
    <phoneticPr fontId="28"/>
  </si>
  <si>
    <t>厚木土木事務所</t>
    <rPh sb="0" eb="2">
      <t>アツギ</t>
    </rPh>
    <rPh sb="2" eb="4">
      <t>ドボク</t>
    </rPh>
    <rPh sb="4" eb="6">
      <t>ジム</t>
    </rPh>
    <rPh sb="6" eb="7">
      <t>ショ</t>
    </rPh>
    <phoneticPr fontId="28"/>
  </si>
  <si>
    <t>相模川水系ダム管理事務所</t>
    <rPh sb="7" eb="12">
      <t>カンリジムショ</t>
    </rPh>
    <phoneticPr fontId="26"/>
  </si>
  <si>
    <t>平塚水道営業所</t>
    <rPh sb="2" eb="7">
      <t>スイドウエイギョウショ</t>
    </rPh>
    <phoneticPr fontId="26"/>
  </si>
  <si>
    <t>横須賀三浦地域県政総合センター</t>
    <rPh sb="0" eb="11">
      <t>ヨコスカミウラチイキケンセイソウゴウ</t>
    </rPh>
    <phoneticPr fontId="3"/>
  </si>
  <si>
    <t>県西地域県政総合センター</t>
    <rPh sb="0" eb="8">
      <t>ケンニシチイキケンセイソウゴウ</t>
    </rPh>
    <phoneticPr fontId="3"/>
  </si>
  <si>
    <t>平塚土木事務所</t>
    <rPh sb="0" eb="2">
      <t>ヒラツカ</t>
    </rPh>
    <rPh sb="2" eb="7">
      <t>ドボクジムショ</t>
    </rPh>
    <phoneticPr fontId="29"/>
  </si>
  <si>
    <t>厚木土木事務所東部センター</t>
    <rPh sb="0" eb="2">
      <t>アツギ</t>
    </rPh>
    <rPh sb="2" eb="4">
      <t>ドボク</t>
    </rPh>
    <rPh sb="4" eb="6">
      <t>ジム</t>
    </rPh>
    <rPh sb="6" eb="7">
      <t>ショ</t>
    </rPh>
    <rPh sb="7" eb="9">
      <t>トウブ</t>
    </rPh>
    <phoneticPr fontId="27"/>
  </si>
  <si>
    <t>厚木土木事務所東部センター</t>
    <rPh sb="0" eb="2">
      <t>アツギ</t>
    </rPh>
    <rPh sb="2" eb="4">
      <t>ドボク</t>
    </rPh>
    <rPh sb="4" eb="6">
      <t>ジム</t>
    </rPh>
    <rPh sb="6" eb="7">
      <t>ショ</t>
    </rPh>
    <rPh sb="7" eb="9">
      <t>トウブ</t>
    </rPh>
    <phoneticPr fontId="28"/>
  </si>
  <si>
    <t>厚木土木事務所津久井治水センター</t>
    <rPh sb="0" eb="2">
      <t>アツギ</t>
    </rPh>
    <rPh sb="2" eb="4">
      <t>ドボク</t>
    </rPh>
    <rPh sb="4" eb="7">
      <t>ジムショ</t>
    </rPh>
    <rPh sb="7" eb="10">
      <t>ツクイ</t>
    </rPh>
    <rPh sb="10" eb="12">
      <t>チスイ</t>
    </rPh>
    <phoneticPr fontId="28"/>
  </si>
  <si>
    <t>県西土木事務所</t>
    <rPh sb="0" eb="2">
      <t>ケンセイ</t>
    </rPh>
    <rPh sb="2" eb="4">
      <t>ドボク</t>
    </rPh>
    <rPh sb="4" eb="6">
      <t>ジム</t>
    </rPh>
    <rPh sb="6" eb="7">
      <t>ショ</t>
    </rPh>
    <phoneticPr fontId="29"/>
  </si>
  <si>
    <t>横須賀土木事務所</t>
    <rPh sb="0" eb="3">
      <t>ヨコスカ</t>
    </rPh>
    <rPh sb="3" eb="5">
      <t>ドボク</t>
    </rPh>
    <rPh sb="5" eb="7">
      <t>ジム</t>
    </rPh>
    <rPh sb="7" eb="8">
      <t>ショ</t>
    </rPh>
    <phoneticPr fontId="40"/>
  </si>
  <si>
    <t>厚木土木事務所</t>
    <rPh sb="0" eb="2">
      <t>アツギ</t>
    </rPh>
    <rPh sb="2" eb="4">
      <t>ドボク</t>
    </rPh>
    <rPh sb="4" eb="6">
      <t>ジム</t>
    </rPh>
    <rPh sb="6" eb="7">
      <t>ショ</t>
    </rPh>
    <phoneticPr fontId="30"/>
  </si>
  <si>
    <t>住宅営繕事務所</t>
    <rPh sb="0" eb="2">
      <t>ジュウタク</t>
    </rPh>
    <rPh sb="2" eb="4">
      <t>エイゼン</t>
    </rPh>
    <rPh sb="4" eb="6">
      <t>ジム</t>
    </rPh>
    <rPh sb="6" eb="7">
      <t>ショ</t>
    </rPh>
    <phoneticPr fontId="40"/>
  </si>
  <si>
    <t>施設整備課</t>
    <rPh sb="0" eb="5">
      <t>シセイカ</t>
    </rPh>
    <phoneticPr fontId="3"/>
  </si>
  <si>
    <t>発電課</t>
  </si>
  <si>
    <t>横浜川崎治水事務所</t>
    <rPh sb="0" eb="2">
      <t>ヨコハマ</t>
    </rPh>
    <rPh sb="2" eb="4">
      <t>カワサキ</t>
    </rPh>
    <rPh sb="4" eb="6">
      <t>チスイ</t>
    </rPh>
    <rPh sb="6" eb="8">
      <t>ジム</t>
    </rPh>
    <rPh sb="8" eb="9">
      <t>ショ</t>
    </rPh>
    <phoneticPr fontId="40"/>
  </si>
  <si>
    <t>厚木土木事務所東部センター</t>
    <rPh sb="0" eb="2">
      <t>アツギ</t>
    </rPh>
    <rPh sb="2" eb="4">
      <t>ドボク</t>
    </rPh>
    <rPh sb="4" eb="6">
      <t>ジム</t>
    </rPh>
    <rPh sb="6" eb="7">
      <t>ショ</t>
    </rPh>
    <rPh sb="7" eb="9">
      <t>トウブ</t>
    </rPh>
    <phoneticPr fontId="40"/>
  </si>
  <si>
    <t>湘南地域県政総合センター</t>
    <rPh sb="0" eb="2">
      <t>ショウナン</t>
    </rPh>
    <rPh sb="2" eb="4">
      <t>チイキ</t>
    </rPh>
    <rPh sb="4" eb="6">
      <t>ケンセイ</t>
    </rPh>
    <rPh sb="6" eb="8">
      <t>ソウゴウ</t>
    </rPh>
    <phoneticPr fontId="3"/>
  </si>
  <si>
    <t>県西土木事務所小田原土木センター</t>
    <rPh sb="0" eb="1">
      <t>ケン</t>
    </rPh>
    <rPh sb="1" eb="2">
      <t>ニシ</t>
    </rPh>
    <rPh sb="2" eb="4">
      <t>ドボク</t>
    </rPh>
    <rPh sb="4" eb="6">
      <t>ジム</t>
    </rPh>
    <rPh sb="6" eb="7">
      <t>ショ</t>
    </rPh>
    <phoneticPr fontId="40"/>
  </si>
  <si>
    <t>厚木土木事務所津久井治水センター</t>
    <rPh sb="0" eb="2">
      <t>アツギ</t>
    </rPh>
    <rPh sb="2" eb="4">
      <t>ドボク</t>
    </rPh>
    <rPh sb="4" eb="7">
      <t>ジムショ</t>
    </rPh>
    <rPh sb="7" eb="10">
      <t>ツクイ</t>
    </rPh>
    <rPh sb="10" eb="12">
      <t>チスイ</t>
    </rPh>
    <phoneticPr fontId="40"/>
  </si>
  <si>
    <t>平塚水道営業所</t>
    <rPh sb="2" eb="4">
      <t>スイドウ</t>
    </rPh>
    <rPh sb="4" eb="7">
      <t>エイギョウショ</t>
    </rPh>
    <phoneticPr fontId="26"/>
  </si>
  <si>
    <t>東部漁港事務所</t>
    <rPh sb="0" eb="2">
      <t>トウブ</t>
    </rPh>
    <rPh sb="2" eb="7">
      <t>ギョコウジムショ</t>
    </rPh>
    <phoneticPr fontId="3"/>
  </si>
  <si>
    <t>厚木水道営業所</t>
    <rPh sb="2" eb="4">
      <t>スイドウ</t>
    </rPh>
    <rPh sb="4" eb="7">
      <t>エイギョウショ</t>
    </rPh>
    <phoneticPr fontId="26"/>
  </si>
  <si>
    <t>施設課</t>
    <rPh sb="0" eb="3">
      <t>シセツカ</t>
    </rPh>
    <phoneticPr fontId="26"/>
  </si>
  <si>
    <t>津久井水道営業所</t>
    <rPh sb="3" eb="5">
      <t>スイドウ</t>
    </rPh>
    <rPh sb="5" eb="8">
      <t>エイギョウショ</t>
    </rPh>
    <phoneticPr fontId="26"/>
  </si>
  <si>
    <t>相模原南水道営業所</t>
    <rPh sb="4" eb="6">
      <t>スイドウ</t>
    </rPh>
    <rPh sb="6" eb="9">
      <t>エイギョウショ</t>
    </rPh>
    <phoneticPr fontId="26"/>
  </si>
  <si>
    <t>平塚土木事務所</t>
    <rPh sb="0" eb="2">
      <t>ヒラツカ</t>
    </rPh>
    <rPh sb="2" eb="4">
      <t>ドボク</t>
    </rPh>
    <rPh sb="4" eb="6">
      <t>ジム</t>
    </rPh>
    <rPh sb="6" eb="7">
      <t>ショ</t>
    </rPh>
    <phoneticPr fontId="30"/>
  </si>
  <si>
    <t>県西土木事務所小田原土木センター</t>
    <rPh sb="0" eb="1">
      <t>ケン</t>
    </rPh>
    <rPh sb="1" eb="2">
      <t>ニシ</t>
    </rPh>
    <rPh sb="2" eb="4">
      <t>ドボク</t>
    </rPh>
    <rPh sb="4" eb="6">
      <t>ジム</t>
    </rPh>
    <rPh sb="6" eb="7">
      <t>ショ</t>
    </rPh>
    <phoneticPr fontId="30"/>
  </si>
  <si>
    <t>流域下水道整備事務所</t>
    <rPh sb="0" eb="2">
      <t>リュウイキ</t>
    </rPh>
    <rPh sb="2" eb="5">
      <t>ゲスイドウ</t>
    </rPh>
    <rPh sb="5" eb="7">
      <t>セイビ</t>
    </rPh>
    <rPh sb="7" eb="9">
      <t>ジム</t>
    </rPh>
    <rPh sb="9" eb="10">
      <t>ショ</t>
    </rPh>
    <phoneticPr fontId="18"/>
  </si>
  <si>
    <t>県西土木事務所小田原土木センター</t>
    <rPh sb="0" eb="1">
      <t>ケン</t>
    </rPh>
    <rPh sb="1" eb="2">
      <t>ニシ</t>
    </rPh>
    <rPh sb="2" eb="4">
      <t>ドボク</t>
    </rPh>
    <rPh sb="4" eb="6">
      <t>ジム</t>
    </rPh>
    <rPh sb="6" eb="7">
      <t>ショ</t>
    </rPh>
    <phoneticPr fontId="29"/>
  </si>
  <si>
    <t>西部漁港事務所</t>
    <rPh sb="0" eb="2">
      <t>セイブ</t>
    </rPh>
    <rPh sb="2" eb="4">
      <t>ギョコウ</t>
    </rPh>
    <rPh sb="4" eb="7">
      <t>ジムショ</t>
    </rPh>
    <phoneticPr fontId="29"/>
  </si>
  <si>
    <t>横須賀土木事務所</t>
    <rPh sb="0" eb="3">
      <t>ヨコスカ</t>
    </rPh>
    <rPh sb="3" eb="5">
      <t>ドボク</t>
    </rPh>
    <rPh sb="5" eb="7">
      <t>ジム</t>
    </rPh>
    <rPh sb="7" eb="8">
      <t>ショ</t>
    </rPh>
    <phoneticPr fontId="29"/>
  </si>
  <si>
    <t>厚木土木事務所東部センター</t>
    <rPh sb="0" eb="2">
      <t>アツギ</t>
    </rPh>
    <rPh sb="2" eb="4">
      <t>ドボク</t>
    </rPh>
    <rPh sb="4" eb="6">
      <t>ジム</t>
    </rPh>
    <rPh sb="6" eb="7">
      <t>ショ</t>
    </rPh>
    <rPh sb="7" eb="9">
      <t>トウブ</t>
    </rPh>
    <phoneticPr fontId="29"/>
  </si>
  <si>
    <t>東部漁港事務所</t>
    <rPh sb="0" eb="2">
      <t>トウブ</t>
    </rPh>
    <rPh sb="2" eb="4">
      <t>ギョコウ</t>
    </rPh>
    <rPh sb="4" eb="7">
      <t>ジムショ</t>
    </rPh>
    <phoneticPr fontId="29"/>
  </si>
  <si>
    <t>環境農政局総務室</t>
    <rPh sb="0" eb="2">
      <t>カンキョウ</t>
    </rPh>
    <rPh sb="2" eb="5">
      <t>ノウセイキョク</t>
    </rPh>
    <rPh sb="5" eb="8">
      <t>ソウムシツ</t>
    </rPh>
    <phoneticPr fontId="29"/>
  </si>
  <si>
    <t>横浜川崎治水事務所</t>
    <rPh sb="0" eb="2">
      <t>ヨコハマ</t>
    </rPh>
    <rPh sb="2" eb="4">
      <t>カワサキ</t>
    </rPh>
    <rPh sb="4" eb="6">
      <t>チスイ</t>
    </rPh>
    <rPh sb="6" eb="8">
      <t>ジム</t>
    </rPh>
    <rPh sb="8" eb="9">
      <t>ショ</t>
    </rPh>
    <phoneticPr fontId="29"/>
  </si>
  <si>
    <t>県西地域県政総合センター</t>
    <rPh sb="0" eb="1">
      <t>ケン</t>
    </rPh>
    <rPh sb="1" eb="2">
      <t>ニシ</t>
    </rPh>
    <rPh sb="2" eb="4">
      <t>チイキ</t>
    </rPh>
    <rPh sb="4" eb="6">
      <t>ケンセイ</t>
    </rPh>
    <rPh sb="6" eb="8">
      <t>ソウゴウ</t>
    </rPh>
    <phoneticPr fontId="29"/>
  </si>
  <si>
    <t>相模原南水道営業所</t>
    <rPh sb="4" eb="6">
      <t>スイドウ</t>
    </rPh>
    <rPh sb="6" eb="9">
      <t>エイギョウショ</t>
    </rPh>
    <phoneticPr fontId="29"/>
  </si>
  <si>
    <t>流域下水道整備事務所</t>
    <rPh sb="0" eb="2">
      <t>リュウイキ</t>
    </rPh>
    <rPh sb="2" eb="5">
      <t>ゲスイドウ</t>
    </rPh>
    <rPh sb="5" eb="7">
      <t>セイビ</t>
    </rPh>
    <rPh sb="7" eb="9">
      <t>ジム</t>
    </rPh>
    <rPh sb="9" eb="10">
      <t>ショ</t>
    </rPh>
    <phoneticPr fontId="29"/>
  </si>
  <si>
    <t>自然環境保全センター</t>
    <rPh sb="0" eb="2">
      <t>シゼン</t>
    </rPh>
    <rPh sb="2" eb="4">
      <t>カンキョウ</t>
    </rPh>
    <rPh sb="4" eb="6">
      <t>ホゼン</t>
    </rPh>
    <phoneticPr fontId="29"/>
  </si>
  <si>
    <t>鎌倉水道営業所</t>
  </si>
  <si>
    <t>谷ケ原浄水場</t>
  </si>
  <si>
    <t>横浜川崎治水事務所川崎治水センター</t>
    <rPh sb="0" eb="2">
      <t>ヨコハマ</t>
    </rPh>
    <rPh sb="2" eb="4">
      <t>カワサキ</t>
    </rPh>
    <rPh sb="4" eb="6">
      <t>チスイ</t>
    </rPh>
    <rPh sb="6" eb="8">
      <t>ジム</t>
    </rPh>
    <rPh sb="8" eb="9">
      <t>ショ</t>
    </rPh>
    <rPh sb="9" eb="11">
      <t>カワサキ</t>
    </rPh>
    <rPh sb="11" eb="13">
      <t>チスイ</t>
    </rPh>
    <phoneticPr fontId="3"/>
  </si>
  <si>
    <t>平塚土木事務所</t>
    <rPh sb="0" eb="2">
      <t>ヒラツカ</t>
    </rPh>
    <rPh sb="2" eb="4">
      <t>ドボク</t>
    </rPh>
    <rPh sb="4" eb="6">
      <t>ジム</t>
    </rPh>
    <rPh sb="6" eb="7">
      <t>ショ</t>
    </rPh>
    <phoneticPr fontId="3"/>
  </si>
  <si>
    <t>厚木土木事務所</t>
    <rPh sb="0" eb="2">
      <t>アツギ</t>
    </rPh>
    <rPh sb="2" eb="4">
      <t>ドボク</t>
    </rPh>
    <rPh sb="4" eb="6">
      <t>ジム</t>
    </rPh>
    <rPh sb="6" eb="7">
      <t>ショ</t>
    </rPh>
    <phoneticPr fontId="3"/>
  </si>
  <si>
    <t>藤沢土木事務所</t>
    <rPh sb="0" eb="2">
      <t>フジサワ</t>
    </rPh>
    <rPh sb="2" eb="4">
      <t>ドボク</t>
    </rPh>
    <rPh sb="4" eb="6">
      <t>ジム</t>
    </rPh>
    <rPh sb="6" eb="7">
      <t>ショ</t>
    </rPh>
    <phoneticPr fontId="2"/>
  </si>
  <si>
    <t>相模川水系ダム管理事務所</t>
    <rPh sb="0" eb="2">
      <t>サガミ</t>
    </rPh>
    <rPh sb="2" eb="3">
      <t>ガワ</t>
    </rPh>
    <rPh sb="3" eb="5">
      <t>スイケイ</t>
    </rPh>
    <rPh sb="7" eb="9">
      <t>カンリ</t>
    </rPh>
    <rPh sb="9" eb="11">
      <t>ジム</t>
    </rPh>
    <rPh sb="11" eb="12">
      <t>ショ</t>
    </rPh>
    <phoneticPr fontId="2"/>
  </si>
  <si>
    <t>東部漁港事務所</t>
    <rPh sb="0" eb="2">
      <t>トウブ</t>
    </rPh>
    <rPh sb="2" eb="4">
      <t>ギョコウ</t>
    </rPh>
    <rPh sb="4" eb="7">
      <t>ジムショ</t>
    </rPh>
    <phoneticPr fontId="2"/>
  </si>
  <si>
    <t>流域下水道整備事務所</t>
    <rPh sb="0" eb="2">
      <t>リュウイキ</t>
    </rPh>
    <rPh sb="2" eb="5">
      <t>ゲスイドウ</t>
    </rPh>
    <rPh sb="5" eb="7">
      <t>セイビ</t>
    </rPh>
    <rPh sb="7" eb="9">
      <t>ジム</t>
    </rPh>
    <rPh sb="9" eb="10">
      <t>ショ</t>
    </rPh>
    <phoneticPr fontId="2"/>
  </si>
  <si>
    <t>寒川浄水場</t>
    <rPh sb="0" eb="2">
      <t>サムカワ</t>
    </rPh>
    <rPh sb="2" eb="5">
      <t>ジョウスイジョウ</t>
    </rPh>
    <phoneticPr fontId="2"/>
  </si>
  <si>
    <t>県西地域県政総合センター</t>
    <rPh sb="0" eb="2">
      <t>ケンセイ</t>
    </rPh>
    <rPh sb="2" eb="4">
      <t>チイキ</t>
    </rPh>
    <rPh sb="4" eb="6">
      <t>ケンセイ</t>
    </rPh>
    <rPh sb="6" eb="8">
      <t>ソウゴウ</t>
    </rPh>
    <phoneticPr fontId="2"/>
  </si>
  <si>
    <t>県西土木事務所小田原土木センター</t>
  </si>
  <si>
    <t>相模原南水道営業所</t>
    <rPh sb="0" eb="3">
      <t>サガミハラ</t>
    </rPh>
    <rPh sb="3" eb="4">
      <t>ミナミ</t>
    </rPh>
    <rPh sb="4" eb="6">
      <t>スイドウ</t>
    </rPh>
    <rPh sb="6" eb="9">
      <t>エイギョウショ</t>
    </rPh>
    <phoneticPr fontId="2"/>
  </si>
  <si>
    <t>県西土木事務所小田原土木センター</t>
    <rPh sb="0" eb="2">
      <t>ケンセイ</t>
    </rPh>
    <rPh sb="2" eb="4">
      <t>ドボク</t>
    </rPh>
    <rPh sb="4" eb="6">
      <t>ジム</t>
    </rPh>
    <rPh sb="6" eb="7">
      <t>ショ</t>
    </rPh>
    <rPh sb="7" eb="10">
      <t>オダワラ</t>
    </rPh>
    <rPh sb="10" eb="12">
      <t>ドボク</t>
    </rPh>
    <phoneticPr fontId="2"/>
  </si>
  <si>
    <t>大和水道営業所</t>
    <rPh sb="0" eb="2">
      <t>ヤマト</t>
    </rPh>
    <rPh sb="2" eb="4">
      <t>スイドウ</t>
    </rPh>
    <rPh sb="4" eb="7">
      <t>エイギョウショ</t>
    </rPh>
    <phoneticPr fontId="2"/>
  </si>
  <si>
    <t>厚木水道営業所</t>
    <rPh sb="0" eb="2">
      <t>アツギ</t>
    </rPh>
    <rPh sb="2" eb="4">
      <t>スイドウ</t>
    </rPh>
    <rPh sb="4" eb="7">
      <t>エイギョウショ</t>
    </rPh>
    <phoneticPr fontId="2"/>
  </si>
  <si>
    <t>厚木土木事務所</t>
    <rPh sb="0" eb="2">
      <t>アツギ</t>
    </rPh>
    <rPh sb="2" eb="4">
      <t>ドボク</t>
    </rPh>
    <rPh sb="4" eb="6">
      <t>ジム</t>
    </rPh>
    <rPh sb="6" eb="7">
      <t>ショ</t>
    </rPh>
    <phoneticPr fontId="2"/>
  </si>
  <si>
    <t>藤沢水道営業所</t>
    <rPh sb="0" eb="2">
      <t>フジサワ</t>
    </rPh>
    <rPh sb="2" eb="4">
      <t>スイドウ</t>
    </rPh>
    <rPh sb="4" eb="7">
      <t>エイギョウショ</t>
    </rPh>
    <phoneticPr fontId="2"/>
  </si>
  <si>
    <t>平塚水道営業所</t>
    <rPh sb="0" eb="2">
      <t>ヒラツカ</t>
    </rPh>
    <rPh sb="2" eb="4">
      <t>スイドウ</t>
    </rPh>
    <rPh sb="4" eb="7">
      <t>エイギョウショ</t>
    </rPh>
    <phoneticPr fontId="2"/>
  </si>
  <si>
    <t>相模原水道営業所</t>
    <rPh sb="0" eb="3">
      <t>サガミハラ</t>
    </rPh>
    <rPh sb="3" eb="5">
      <t>スイドウ</t>
    </rPh>
    <rPh sb="5" eb="8">
      <t>エイギョウショ</t>
    </rPh>
    <phoneticPr fontId="2"/>
  </si>
  <si>
    <t>相模原南水道営業所</t>
    <rPh sb="4" eb="6">
      <t>スイドウ</t>
    </rPh>
    <rPh sb="6" eb="9">
      <t>エイギョウショ</t>
    </rPh>
    <phoneticPr fontId="2"/>
  </si>
  <si>
    <t>住宅営繕事務所</t>
    <rPh sb="0" eb="2">
      <t>ジュウタク</t>
    </rPh>
    <rPh sb="2" eb="4">
      <t>エイゼン</t>
    </rPh>
    <rPh sb="4" eb="6">
      <t>ジム</t>
    </rPh>
    <rPh sb="6" eb="7">
      <t>ショ</t>
    </rPh>
    <phoneticPr fontId="2"/>
  </si>
  <si>
    <t>厚木土木事務所東部センター</t>
    <rPh sb="0" eb="2">
      <t>アツギ</t>
    </rPh>
    <rPh sb="2" eb="4">
      <t>ドボク</t>
    </rPh>
    <rPh sb="4" eb="6">
      <t>ジム</t>
    </rPh>
    <rPh sb="6" eb="7">
      <t>ショ</t>
    </rPh>
    <rPh sb="7" eb="9">
      <t>トウブ</t>
    </rPh>
    <phoneticPr fontId="2"/>
  </si>
  <si>
    <t>県西土木事務所</t>
    <rPh sb="0" eb="2">
      <t>ケンセイ</t>
    </rPh>
    <rPh sb="2" eb="4">
      <t>ドボク</t>
    </rPh>
    <rPh sb="4" eb="6">
      <t>ジム</t>
    </rPh>
    <rPh sb="6" eb="7">
      <t>ショ</t>
    </rPh>
    <phoneticPr fontId="2"/>
  </si>
  <si>
    <t>横浜川崎治水事務所</t>
    <rPh sb="0" eb="2">
      <t>ヨコハマ</t>
    </rPh>
    <rPh sb="2" eb="4">
      <t>カワサキ</t>
    </rPh>
    <rPh sb="4" eb="6">
      <t>チスイ</t>
    </rPh>
    <rPh sb="6" eb="8">
      <t>ジム</t>
    </rPh>
    <rPh sb="8" eb="9">
      <t>ショ</t>
    </rPh>
    <phoneticPr fontId="2"/>
  </si>
  <si>
    <t>横浜川崎治水事務所川崎治水センター</t>
    <rPh sb="0" eb="2">
      <t>ヨコハマ</t>
    </rPh>
    <rPh sb="2" eb="4">
      <t>カワサキ</t>
    </rPh>
    <rPh sb="4" eb="6">
      <t>チスイ</t>
    </rPh>
    <rPh sb="6" eb="8">
      <t>ジム</t>
    </rPh>
    <rPh sb="8" eb="9">
      <t>ショ</t>
    </rPh>
    <rPh sb="9" eb="11">
      <t>カワサキ</t>
    </rPh>
    <rPh sb="11" eb="13">
      <t>チスイ</t>
    </rPh>
    <phoneticPr fontId="2"/>
  </si>
  <si>
    <t>横須賀土木事務所</t>
    <rPh sb="0" eb="3">
      <t>ヨコスカ</t>
    </rPh>
    <rPh sb="3" eb="5">
      <t>ドボク</t>
    </rPh>
    <rPh sb="5" eb="7">
      <t>ジム</t>
    </rPh>
    <rPh sb="7" eb="8">
      <t>ショ</t>
    </rPh>
    <phoneticPr fontId="3"/>
  </si>
  <si>
    <t>相模川水系
ダム管理事務所</t>
    <rPh sb="0" eb="2">
      <t>サガミ</t>
    </rPh>
    <rPh sb="2" eb="3">
      <t>ガワ</t>
    </rPh>
    <rPh sb="3" eb="5">
      <t>スイケイ</t>
    </rPh>
    <rPh sb="8" eb="10">
      <t>カンリ</t>
    </rPh>
    <rPh sb="10" eb="12">
      <t>ジム</t>
    </rPh>
    <rPh sb="12" eb="13">
      <t>ショ</t>
    </rPh>
    <phoneticPr fontId="1"/>
  </si>
  <si>
    <t>流域下水道整備事務所</t>
    <rPh sb="0" eb="2">
      <t>リュウイキ</t>
    </rPh>
    <rPh sb="2" eb="5">
      <t>ゲスイドウ</t>
    </rPh>
    <rPh sb="5" eb="7">
      <t>セイビ</t>
    </rPh>
    <rPh sb="7" eb="9">
      <t>ジム</t>
    </rPh>
    <rPh sb="9" eb="10">
      <t>ショ</t>
    </rPh>
    <phoneticPr fontId="25"/>
  </si>
  <si>
    <t>厚木土木事務所</t>
    <rPh sb="0" eb="2">
      <t>アツギ</t>
    </rPh>
    <rPh sb="2" eb="4">
      <t>ドボク</t>
    </rPh>
    <rPh sb="4" eb="6">
      <t>ジム</t>
    </rPh>
    <rPh sb="6" eb="7">
      <t>ショ</t>
    </rPh>
    <phoneticPr fontId="26"/>
  </si>
  <si>
    <t>平塚土木事務所</t>
    <rPh sb="0" eb="2">
      <t>ヒラツカ</t>
    </rPh>
    <rPh sb="2" eb="4">
      <t>ドボク</t>
    </rPh>
    <rPh sb="4" eb="6">
      <t>ジム</t>
    </rPh>
    <rPh sb="6" eb="7">
      <t>ショ</t>
    </rPh>
    <phoneticPr fontId="26"/>
  </si>
  <si>
    <t>横須賀土木事務所</t>
    <rPh sb="0" eb="3">
      <t>ヨコスカ</t>
    </rPh>
    <rPh sb="3" eb="5">
      <t>ドボク</t>
    </rPh>
    <rPh sb="5" eb="7">
      <t>ジム</t>
    </rPh>
    <rPh sb="7" eb="8">
      <t>ショ</t>
    </rPh>
    <phoneticPr fontId="6"/>
  </si>
  <si>
    <t>平塚土木事務所</t>
    <rPh sb="0" eb="7">
      <t>ヒラツカドボクジムショ</t>
    </rPh>
    <phoneticPr fontId="4"/>
  </si>
  <si>
    <t>県央地域県政総合センター</t>
    <rPh sb="0" eb="2">
      <t>ケンオウ</t>
    </rPh>
    <rPh sb="2" eb="4">
      <t>チイキ</t>
    </rPh>
    <rPh sb="4" eb="6">
      <t>ケンセイ</t>
    </rPh>
    <rPh sb="6" eb="8">
      <t>ソウゴウ</t>
    </rPh>
    <phoneticPr fontId="1"/>
  </si>
  <si>
    <t>資源循環推進課</t>
    <rPh sb="0" eb="2">
      <t>シゲン</t>
    </rPh>
    <rPh sb="2" eb="4">
      <t>ジュンカン</t>
    </rPh>
    <rPh sb="4" eb="6">
      <t>スイシン</t>
    </rPh>
    <rPh sb="6" eb="7">
      <t>カ</t>
    </rPh>
    <phoneticPr fontId="1"/>
  </si>
  <si>
    <t>横須賀土木事務所</t>
    <rPh sb="0" eb="3">
      <t>ヨコスカ</t>
    </rPh>
    <rPh sb="3" eb="5">
      <t>ドボク</t>
    </rPh>
    <rPh sb="5" eb="7">
      <t>ジム</t>
    </rPh>
    <rPh sb="7" eb="8">
      <t>ショ</t>
    </rPh>
    <phoneticPr fontId="16"/>
  </si>
  <si>
    <t>県西地域県政総合センター</t>
    <rPh sb="0" eb="1">
      <t>ケン</t>
    </rPh>
    <rPh sb="1" eb="2">
      <t>ニシ</t>
    </rPh>
    <rPh sb="2" eb="4">
      <t>チイキ</t>
    </rPh>
    <rPh sb="4" eb="6">
      <t>ケンセイ</t>
    </rPh>
    <rPh sb="6" eb="8">
      <t>ソウゴウ</t>
    </rPh>
    <phoneticPr fontId="1"/>
  </si>
  <si>
    <t>県央地域県政総合センター</t>
    <rPh sb="0" eb="8">
      <t>ケンオウチイキケンセイソウゴウ</t>
    </rPh>
    <phoneticPr fontId="1"/>
  </si>
  <si>
    <t>鎌倉水道営業所</t>
    <rPh sb="2" eb="7">
      <t>スイドウエイギョウショ</t>
    </rPh>
    <phoneticPr fontId="1"/>
  </si>
  <si>
    <t>厚木土木事務所津久井治水センター</t>
    <rPh sb="0" eb="2">
      <t>アツギ</t>
    </rPh>
    <rPh sb="2" eb="4">
      <t>ドボク</t>
    </rPh>
    <rPh sb="4" eb="7">
      <t>ジムショ</t>
    </rPh>
    <rPh sb="7" eb="10">
      <t>ツクイ</t>
    </rPh>
    <rPh sb="10" eb="12">
      <t>チスイ</t>
    </rPh>
    <phoneticPr fontId="2"/>
  </si>
  <si>
    <t>横須賀三浦地域県政総合センター</t>
    <rPh sb="0" eb="3">
      <t>ヨコスカ</t>
    </rPh>
    <rPh sb="3" eb="5">
      <t>ミウラ</t>
    </rPh>
    <rPh sb="5" eb="7">
      <t>チイキ</t>
    </rPh>
    <rPh sb="7" eb="9">
      <t>ケンセイ</t>
    </rPh>
    <rPh sb="9" eb="11">
      <t>ソウゴウ</t>
    </rPh>
    <phoneticPr fontId="2"/>
  </si>
  <si>
    <t>横浜川崎治水事務所川崎治水センター</t>
    <rPh sb="0" eb="2">
      <t>ヨコハマ</t>
    </rPh>
    <rPh sb="2" eb="4">
      <t>カワサキ</t>
    </rPh>
    <rPh sb="4" eb="6">
      <t>チスイ</t>
    </rPh>
    <rPh sb="6" eb="8">
      <t>ジム</t>
    </rPh>
    <rPh sb="8" eb="9">
      <t>ショ</t>
    </rPh>
    <rPh sb="9" eb="11">
      <t>カワサキ</t>
    </rPh>
    <rPh sb="11" eb="13">
      <t>チスイ</t>
    </rPh>
    <phoneticPr fontId="7"/>
  </si>
  <si>
    <t>R6</t>
    <phoneticPr fontId="22"/>
  </si>
  <si>
    <t>西部漁港事務所</t>
    <rPh sb="0" eb="7">
      <t>セイブ</t>
    </rPh>
    <phoneticPr fontId="1"/>
  </si>
  <si>
    <t>県央地域県政総合センター</t>
    <rPh sb="0" eb="12">
      <t>ケンオウ</t>
    </rPh>
    <phoneticPr fontId="1"/>
  </si>
  <si>
    <t>県西地域県政総合センター</t>
    <rPh sb="0" eb="12">
      <t>ケンセイ</t>
    </rPh>
    <phoneticPr fontId="1"/>
  </si>
  <si>
    <t>自然環境保全センター</t>
    <rPh sb="0" eb="10">
      <t>ジカンホ</t>
    </rPh>
    <phoneticPr fontId="1"/>
  </si>
  <si>
    <t>水道施設課</t>
    <rPh sb="0" eb="2">
      <t>スイドウ</t>
    </rPh>
    <rPh sb="2" eb="4">
      <t>シセツ</t>
    </rPh>
    <rPh sb="4" eb="5">
      <t>カ</t>
    </rPh>
    <phoneticPr fontId="1"/>
  </si>
  <si>
    <t>衛生看護専門学校</t>
    <rPh sb="0" eb="8">
      <t>エイセイカンゴセンモンガッコウ</t>
    </rPh>
    <phoneticPr fontId="1"/>
  </si>
  <si>
    <t>茅ケ崎水道営業所</t>
    <rPh sb="0" eb="3">
      <t>チガサキ</t>
    </rPh>
    <rPh sb="3" eb="5">
      <t>スイドウ</t>
    </rPh>
    <rPh sb="5" eb="8">
      <t>エイギョウショ</t>
    </rPh>
    <phoneticPr fontId="1"/>
  </si>
  <si>
    <t>大和水道営業所</t>
    <rPh sb="0" eb="2">
      <t>ヤマト</t>
    </rPh>
    <rPh sb="2" eb="4">
      <t>スイドウ</t>
    </rPh>
    <rPh sb="4" eb="7">
      <t>エイギョウショ</t>
    </rPh>
    <phoneticPr fontId="1"/>
  </si>
  <si>
    <t>厚木水道営業所</t>
    <rPh sb="2" eb="4">
      <t>スイドウ</t>
    </rPh>
    <rPh sb="4" eb="7">
      <t>エイギョウショ</t>
    </rPh>
    <phoneticPr fontId="1"/>
  </si>
  <si>
    <t>東部漁港事務所</t>
    <rPh sb="0" eb="7">
      <t>トウブ</t>
    </rPh>
    <phoneticPr fontId="1"/>
  </si>
  <si>
    <t>財務課</t>
    <rPh sb="0" eb="3">
      <t>ザイムカ</t>
    </rPh>
    <phoneticPr fontId="1"/>
  </si>
  <si>
    <t>二級河川引地川（藤沢市下土棚）河川改修工事</t>
    <rPh sb="0" eb="2">
      <t>ニキュウ</t>
    </rPh>
    <rPh sb="2" eb="4">
      <t>カセン</t>
    </rPh>
    <rPh sb="4" eb="6">
      <t>ヒキジ</t>
    </rPh>
    <rPh sb="6" eb="7">
      <t>ガワ</t>
    </rPh>
    <rPh sb="8" eb="10">
      <t>フジサワ</t>
    </rPh>
    <rPh sb="10" eb="11">
      <t>シ</t>
    </rPh>
    <rPh sb="11" eb="12">
      <t>シモ</t>
    </rPh>
    <rPh sb="12" eb="13">
      <t>ツチ</t>
    </rPh>
    <rPh sb="13" eb="14">
      <t>タナ</t>
    </rPh>
    <rPh sb="15" eb="17">
      <t>カセン</t>
    </rPh>
    <rPh sb="17" eb="19">
      <t>カイシュウ</t>
    </rPh>
    <rPh sb="19" eb="21">
      <t>コウジ</t>
    </rPh>
    <phoneticPr fontId="15"/>
  </si>
  <si>
    <t>茅ケ崎高校本館他改修及び耐震補強工事（建築）</t>
  </si>
  <si>
    <t>早雲山地すべり対策工事</t>
    <rPh sb="0" eb="3">
      <t>ソウウンザン</t>
    </rPh>
    <rPh sb="3" eb="4">
      <t>ジ</t>
    </rPh>
    <rPh sb="7" eb="9">
      <t>タイサク</t>
    </rPh>
    <rPh sb="9" eb="11">
      <t>コウジ</t>
    </rPh>
    <phoneticPr fontId="14"/>
  </si>
  <si>
    <t>中原支援学校校舎（B棟）他改修及び耐震補強工事（建築）</t>
    <rPh sb="6" eb="8">
      <t>コウシャ</t>
    </rPh>
    <rPh sb="10" eb="11">
      <t>トウ</t>
    </rPh>
    <rPh sb="12" eb="13">
      <t>ホカ</t>
    </rPh>
    <rPh sb="13" eb="15">
      <t>カイシュウ</t>
    </rPh>
    <rPh sb="15" eb="16">
      <t>オヨ</t>
    </rPh>
    <rPh sb="17" eb="19">
      <t>タイシン</t>
    </rPh>
    <rPh sb="19" eb="21">
      <t>ホキョウ</t>
    </rPh>
    <rPh sb="21" eb="23">
      <t>コウジ</t>
    </rPh>
    <rPh sb="24" eb="26">
      <t>ケンチク</t>
    </rPh>
    <phoneticPr fontId="14"/>
  </si>
  <si>
    <t>湯河原海岸　護岸補修工事</t>
    <rPh sb="0" eb="3">
      <t>ユガワラ</t>
    </rPh>
    <rPh sb="3" eb="5">
      <t>カイガン</t>
    </rPh>
    <rPh sb="6" eb="8">
      <t>ゴガン</t>
    </rPh>
    <rPh sb="8" eb="10">
      <t>ホシュウ</t>
    </rPh>
    <rPh sb="10" eb="12">
      <t>コウジ</t>
    </rPh>
    <phoneticPr fontId="28"/>
  </si>
  <si>
    <t>一級河川串川（相模原市緑区青山）　河川修繕工事</t>
    <rPh sb="0" eb="4">
      <t>イッキュウカセン</t>
    </rPh>
    <rPh sb="4" eb="6">
      <t>クシカワ</t>
    </rPh>
    <rPh sb="7" eb="9">
      <t>サガミ</t>
    </rPh>
    <rPh sb="9" eb="10">
      <t>ハラ</t>
    </rPh>
    <rPh sb="10" eb="11">
      <t>シ</t>
    </rPh>
    <rPh sb="11" eb="13">
      <t>ミドリク</t>
    </rPh>
    <rPh sb="13" eb="15">
      <t>アオヤマ</t>
    </rPh>
    <rPh sb="17" eb="19">
      <t>カセン</t>
    </rPh>
    <rPh sb="19" eb="21">
      <t>シュウゼン</t>
    </rPh>
    <rPh sb="21" eb="23">
      <t>コウジ</t>
    </rPh>
    <phoneticPr fontId="14"/>
  </si>
  <si>
    <t>小田原漁港防波堤（2）No.12ケーソン築造工事</t>
    <rPh sb="0" eb="3">
      <t>オダワラ</t>
    </rPh>
    <rPh sb="3" eb="5">
      <t>ギョコウ</t>
    </rPh>
    <rPh sb="5" eb="8">
      <t>ボウハテイ</t>
    </rPh>
    <rPh sb="20" eb="22">
      <t>チクゾウ</t>
    </rPh>
    <rPh sb="22" eb="24">
      <t>コウジ</t>
    </rPh>
    <phoneticPr fontId="1"/>
  </si>
  <si>
    <t>県道71号（桜ヶ谷陸橋Ｐ５橋脚)耐震補強工事</t>
    <rPh sb="0" eb="2">
      <t>ケンドウ</t>
    </rPh>
    <rPh sb="6" eb="11">
      <t>サクラガヤリッキョウ</t>
    </rPh>
    <rPh sb="13" eb="15">
      <t>キョウキャク</t>
    </rPh>
    <rPh sb="16" eb="22">
      <t>タイシンホキョウコウジ</t>
    </rPh>
    <phoneticPr fontId="28"/>
  </si>
  <si>
    <t>武道館改修工事（建築）</t>
    <rPh sb="0" eb="3">
      <t>ブドウカン</t>
    </rPh>
    <rPh sb="3" eb="5">
      <t>カイシュウ</t>
    </rPh>
    <rPh sb="5" eb="7">
      <t>コウジ</t>
    </rPh>
    <rPh sb="8" eb="10">
      <t>ケンチク</t>
    </rPh>
    <phoneticPr fontId="3"/>
  </si>
  <si>
    <t>上青根治山工事</t>
    <rPh sb="0" eb="1">
      <t>カミ</t>
    </rPh>
    <rPh sb="1" eb="3">
      <t>アオネ</t>
    </rPh>
    <rPh sb="3" eb="5">
      <t>チサン</t>
    </rPh>
    <rPh sb="5" eb="7">
      <t>コウジ</t>
    </rPh>
    <phoneticPr fontId="1"/>
  </si>
  <si>
    <t>ハチノ沢治山工事</t>
    <rPh sb="3" eb="4">
      <t>サワ</t>
    </rPh>
    <rPh sb="4" eb="6">
      <t>チサン</t>
    </rPh>
    <rPh sb="6" eb="8">
      <t>コウジ</t>
    </rPh>
    <phoneticPr fontId="1"/>
  </si>
  <si>
    <t>一級河川串川（相模原市緑区長竹）　災害復旧工事</t>
    <rPh sb="0" eb="2">
      <t>イッキュウ</t>
    </rPh>
    <rPh sb="2" eb="4">
      <t>カセン</t>
    </rPh>
    <rPh sb="4" eb="6">
      <t>クシカワ</t>
    </rPh>
    <rPh sb="7" eb="11">
      <t>サガミハラシ</t>
    </rPh>
    <rPh sb="11" eb="13">
      <t>ミドリク</t>
    </rPh>
    <rPh sb="13" eb="15">
      <t>ナガタケ</t>
    </rPh>
    <rPh sb="17" eb="19">
      <t>サイガイ</t>
    </rPh>
    <rPh sb="19" eb="21">
      <t>フッキュウ</t>
    </rPh>
    <rPh sb="21" eb="23">
      <t>コウジ</t>
    </rPh>
    <phoneticPr fontId="1"/>
  </si>
  <si>
    <t>茅ヶ崎市赤羽根～東海岸基幹管路更新工事（第４工区）</t>
    <rPh sb="0" eb="4">
      <t>チガサキシ</t>
    </rPh>
    <rPh sb="4" eb="7">
      <t>アカバネ</t>
    </rPh>
    <rPh sb="8" eb="9">
      <t>ヒガシ</t>
    </rPh>
    <rPh sb="9" eb="11">
      <t>カイガン</t>
    </rPh>
    <rPh sb="11" eb="13">
      <t>キカン</t>
    </rPh>
    <rPh sb="13" eb="15">
      <t>カンロ</t>
    </rPh>
    <rPh sb="15" eb="17">
      <t>コウシン</t>
    </rPh>
    <rPh sb="17" eb="19">
      <t>コウジ</t>
    </rPh>
    <rPh sb="20" eb="21">
      <t>ダイ</t>
    </rPh>
    <rPh sb="22" eb="24">
      <t>コウク</t>
    </rPh>
    <phoneticPr fontId="1"/>
  </si>
  <si>
    <t>県道72号（小田原市上曽我）側道橋整備工事</t>
    <rPh sb="0" eb="2">
      <t>ケンドウ 72</t>
    </rPh>
    <rPh sb="4" eb="5">
      <t>ゴウ</t>
    </rPh>
    <rPh sb="6" eb="10">
      <t>オダワラシ</t>
    </rPh>
    <rPh sb="10" eb="11">
      <t>カミ</t>
    </rPh>
    <rPh sb="11" eb="13">
      <t>ソガ</t>
    </rPh>
    <rPh sb="14" eb="16">
      <t>ソクドウ</t>
    </rPh>
    <rPh sb="16" eb="17">
      <t>キョウ</t>
    </rPh>
    <rPh sb="17" eb="19">
      <t>セイビ</t>
    </rPh>
    <rPh sb="19" eb="21">
      <t>コウジ</t>
    </rPh>
    <phoneticPr fontId="28"/>
  </si>
  <si>
    <t>衛生看護専門学校　中央監視装置更新工事</t>
    <rPh sb="0" eb="2">
      <t>エイセイ</t>
    </rPh>
    <rPh sb="2" eb="4">
      <t>カンゴ</t>
    </rPh>
    <rPh sb="4" eb="6">
      <t>センモン</t>
    </rPh>
    <rPh sb="6" eb="8">
      <t>ガッコウ</t>
    </rPh>
    <rPh sb="9" eb="19">
      <t>チュウオウカンシソウチコウシンコウジ</t>
    </rPh>
    <phoneticPr fontId="1"/>
  </si>
  <si>
    <t>大和市上草柳１丁目地内配水管改良工事</t>
    <rPh sb="0" eb="3">
      <t>ヤマトシ</t>
    </rPh>
    <rPh sb="3" eb="6">
      <t>カミソウヤギ</t>
    </rPh>
    <rPh sb="7" eb="9">
      <t>チョウメ</t>
    </rPh>
    <rPh sb="9" eb="11">
      <t>チナイ</t>
    </rPh>
    <rPh sb="11" eb="14">
      <t>ハイスイカン</t>
    </rPh>
    <rPh sb="14" eb="16">
      <t>カイリョウ</t>
    </rPh>
    <rPh sb="16" eb="18">
      <t>コウジ</t>
    </rPh>
    <phoneticPr fontId="1"/>
  </si>
  <si>
    <t>広域農道小田原湯河原線真鶴大猿山工事</t>
    <rPh sb="0" eb="2">
      <t>コウイキ</t>
    </rPh>
    <rPh sb="2" eb="4">
      <t>ノウドウ</t>
    </rPh>
    <rPh sb="4" eb="7">
      <t>オダワラ</t>
    </rPh>
    <rPh sb="7" eb="10">
      <t>ユガワラ</t>
    </rPh>
    <rPh sb="10" eb="11">
      <t>セン</t>
    </rPh>
    <rPh sb="11" eb="13">
      <t>マナヅル</t>
    </rPh>
    <rPh sb="13" eb="14">
      <t>オオ</t>
    </rPh>
    <rPh sb="14" eb="15">
      <t>ザル</t>
    </rPh>
    <rPh sb="15" eb="16">
      <t>ヤマ</t>
    </rPh>
    <rPh sb="16" eb="18">
      <t>コウジ</t>
    </rPh>
    <phoneticPr fontId="1"/>
  </si>
  <si>
    <t>文化遺産課収蔵センタートイレ改修工事</t>
    <rPh sb="0" eb="2">
      <t>ブンカ</t>
    </rPh>
    <rPh sb="2" eb="4">
      <t>イサン</t>
    </rPh>
    <rPh sb="4" eb="5">
      <t>カ</t>
    </rPh>
    <rPh sb="5" eb="7">
      <t>シュウゾウ</t>
    </rPh>
    <rPh sb="14" eb="16">
      <t>カイシュウ</t>
    </rPh>
    <rPh sb="16" eb="18">
      <t>コウジ</t>
    </rPh>
    <phoneticPr fontId="3"/>
  </si>
  <si>
    <t>棚沢治山工事</t>
    <rPh sb="0" eb="2">
      <t>タナサワ</t>
    </rPh>
    <rPh sb="2" eb="4">
      <t>チサン</t>
    </rPh>
    <rPh sb="4" eb="6">
      <t>コウジ</t>
    </rPh>
    <phoneticPr fontId="1"/>
  </si>
  <si>
    <t>二級河川中村川（横浜市中区石川町）石川町駅周辺地区親水施設整備工事</t>
    <rPh sb="0" eb="2">
      <t>ニキュウ</t>
    </rPh>
    <rPh sb="2" eb="4">
      <t>カセン</t>
    </rPh>
    <rPh sb="4" eb="6">
      <t>ナカムラ</t>
    </rPh>
    <rPh sb="6" eb="7">
      <t>ガワ</t>
    </rPh>
    <rPh sb="8" eb="11">
      <t>ヨコハマシ</t>
    </rPh>
    <rPh sb="11" eb="13">
      <t>ナカク</t>
    </rPh>
    <rPh sb="13" eb="16">
      <t>イシカワチョウ</t>
    </rPh>
    <rPh sb="17" eb="20">
      <t>イシカワチョウ</t>
    </rPh>
    <rPh sb="20" eb="21">
      <t>エキ</t>
    </rPh>
    <rPh sb="21" eb="23">
      <t>シュウヘン</t>
    </rPh>
    <rPh sb="23" eb="25">
      <t>チク</t>
    </rPh>
    <rPh sb="25" eb="27">
      <t>シンスイ</t>
    </rPh>
    <rPh sb="27" eb="29">
      <t>シセツ</t>
    </rPh>
    <rPh sb="29" eb="31">
      <t>セイビ</t>
    </rPh>
    <rPh sb="31" eb="33">
      <t>コウジ</t>
    </rPh>
    <phoneticPr fontId="28"/>
  </si>
  <si>
    <t>厚木市下荻野606番地内配水管改良工事</t>
    <rPh sb="0" eb="2">
      <t>アツギ</t>
    </rPh>
    <rPh sb="2" eb="3">
      <t>シ</t>
    </rPh>
    <rPh sb="3" eb="4">
      <t>シモ</t>
    </rPh>
    <rPh sb="4" eb="6">
      <t>オギノ</t>
    </rPh>
    <rPh sb="9" eb="11">
      <t>バンチ</t>
    </rPh>
    <rPh sb="11" eb="12">
      <t>ナイ</t>
    </rPh>
    <rPh sb="12" eb="15">
      <t>ハイスイカン</t>
    </rPh>
    <rPh sb="15" eb="17">
      <t>カイリョウ</t>
    </rPh>
    <rPh sb="17" eb="19">
      <t>コウジ</t>
    </rPh>
    <phoneticPr fontId="1"/>
  </si>
  <si>
    <t>相模原市緑区久保沢３丁目地内配水管改良工事</t>
    <rPh sb="0" eb="4">
      <t>サガミハラシ</t>
    </rPh>
    <rPh sb="4" eb="6">
      <t>ミドリク</t>
    </rPh>
    <rPh sb="6" eb="8">
      <t>クボ</t>
    </rPh>
    <rPh sb="8" eb="9">
      <t>サワ</t>
    </rPh>
    <rPh sb="10" eb="12">
      <t>チョウメ</t>
    </rPh>
    <rPh sb="12" eb="13">
      <t>チ</t>
    </rPh>
    <rPh sb="13" eb="14">
      <t>ナイ</t>
    </rPh>
    <rPh sb="14" eb="17">
      <t>ハイスイカン</t>
    </rPh>
    <rPh sb="17" eb="19">
      <t>カイリョウ</t>
    </rPh>
    <rPh sb="19" eb="21">
      <t>コウジ</t>
    </rPh>
    <phoneticPr fontId="8"/>
  </si>
  <si>
    <t>沢見沢治山工事</t>
    <rPh sb="0" eb="1">
      <t>サワ</t>
    </rPh>
    <rPh sb="1" eb="2">
      <t>ミ</t>
    </rPh>
    <rPh sb="2" eb="3">
      <t>サワ</t>
    </rPh>
    <rPh sb="3" eb="5">
      <t>チサン</t>
    </rPh>
    <rPh sb="5" eb="7">
      <t>コウジ</t>
    </rPh>
    <phoneticPr fontId="1"/>
  </si>
  <si>
    <t>厚木市妻田東２丁目地内配水管改良工事</t>
    <rPh sb="0" eb="2">
      <t>アツギ</t>
    </rPh>
    <rPh sb="2" eb="3">
      <t>シ</t>
    </rPh>
    <rPh sb="3" eb="6">
      <t>ツマダヒガシ</t>
    </rPh>
    <rPh sb="7" eb="9">
      <t>チョウメ</t>
    </rPh>
    <rPh sb="9" eb="10">
      <t>チ</t>
    </rPh>
    <rPh sb="10" eb="11">
      <t>ナイ</t>
    </rPh>
    <rPh sb="11" eb="14">
      <t>ハイスイカン</t>
    </rPh>
    <rPh sb="14" eb="16">
      <t>カイリョウ</t>
    </rPh>
    <rPh sb="16" eb="18">
      <t>コウジ</t>
    </rPh>
    <phoneticPr fontId="1"/>
  </si>
  <si>
    <t>寒川第３浄水場管理本館改修(浸水対策)工事</t>
    <rPh sb="0" eb="2">
      <t>サムカワ</t>
    </rPh>
    <rPh sb="2" eb="3">
      <t>ダイ</t>
    </rPh>
    <rPh sb="4" eb="7">
      <t>ジョウスイジョウ</t>
    </rPh>
    <rPh sb="7" eb="9">
      <t>カンリ</t>
    </rPh>
    <rPh sb="9" eb="11">
      <t>ホンカン</t>
    </rPh>
    <rPh sb="11" eb="13">
      <t>カイシュウ</t>
    </rPh>
    <rPh sb="14" eb="16">
      <t>シンスイ</t>
    </rPh>
    <rPh sb="16" eb="18">
      <t>タイサク</t>
    </rPh>
    <rPh sb="19" eb="21">
      <t>コウジ</t>
    </rPh>
    <phoneticPr fontId="1"/>
  </si>
  <si>
    <t>二町谷南緑地改修工事</t>
    <rPh sb="0" eb="2">
      <t>フタマチ</t>
    </rPh>
    <rPh sb="2" eb="3">
      <t>ヤ</t>
    </rPh>
    <rPh sb="3" eb="4">
      <t>ミナミ</t>
    </rPh>
    <rPh sb="4" eb="6">
      <t>リョクチ</t>
    </rPh>
    <rPh sb="6" eb="8">
      <t>カイシュウ</t>
    </rPh>
    <rPh sb="8" eb="10">
      <t>コウジ</t>
    </rPh>
    <phoneticPr fontId="1"/>
  </si>
  <si>
    <t>磯子工業高校武道場改修及び耐震補強工事</t>
  </si>
  <si>
    <t>県道70号（清川村煤ケ谷）道路災害防除工事</t>
    <rPh sb="0" eb="2">
      <t>ケンドウ</t>
    </rPh>
    <rPh sb="2" eb="4">
      <t>７０</t>
    </rPh>
    <rPh sb="4" eb="5">
      <t>ゴウ</t>
    </rPh>
    <rPh sb="6" eb="9">
      <t>キヨカワムラ</t>
    </rPh>
    <rPh sb="9" eb="12">
      <t>ススガヤ</t>
    </rPh>
    <rPh sb="13" eb="15">
      <t>ドウロ</t>
    </rPh>
    <rPh sb="15" eb="17">
      <t>サイガイ</t>
    </rPh>
    <rPh sb="17" eb="19">
      <t>ボウジョ</t>
    </rPh>
    <rPh sb="19" eb="21">
      <t>コウジ</t>
    </rPh>
    <phoneticPr fontId="14"/>
  </si>
  <si>
    <t>底沢治山工事</t>
    <rPh sb="0" eb="1">
      <t>ソコ</t>
    </rPh>
    <rPh sb="1" eb="2">
      <t>サワ</t>
    </rPh>
    <rPh sb="2" eb="4">
      <t>チサン</t>
    </rPh>
    <rPh sb="4" eb="6">
      <t>コウジ</t>
    </rPh>
    <phoneticPr fontId="1"/>
  </si>
  <si>
    <t>県立七沢森林公園もたれ式擁壁工事</t>
    <rPh sb="0" eb="2">
      <t>ケンリツ</t>
    </rPh>
    <rPh sb="2" eb="4">
      <t>ナナサワ</t>
    </rPh>
    <rPh sb="4" eb="6">
      <t>シンリン</t>
    </rPh>
    <rPh sb="6" eb="8">
      <t>コウエン</t>
    </rPh>
    <rPh sb="11" eb="12">
      <t>シキ</t>
    </rPh>
    <rPh sb="12" eb="14">
      <t>ヨウヘキ</t>
    </rPh>
    <rPh sb="14" eb="16">
      <t>コウジ</t>
    </rPh>
    <phoneticPr fontId="28"/>
  </si>
  <si>
    <t>建築・土木</t>
    <rPh sb="0" eb="2">
      <t>ケンチク</t>
    </rPh>
    <rPh sb="3" eb="5">
      <t>ドボク</t>
    </rPh>
    <phoneticPr fontId="1"/>
  </si>
  <si>
    <t>設備等</t>
    <rPh sb="0" eb="2">
      <t>セツビ</t>
    </rPh>
    <rPh sb="2" eb="3">
      <t>トウ</t>
    </rPh>
    <phoneticPr fontId="1"/>
  </si>
  <si>
    <t>日本ピーエス・宇内・林土木特定建設工事共同企業体</t>
    <rPh sb="0" eb="2">
      <t>ニホン</t>
    </rPh>
    <rPh sb="7" eb="9">
      <t>ウナイ</t>
    </rPh>
    <rPh sb="10" eb="11">
      <t>ハヤシ</t>
    </rPh>
    <rPh sb="11" eb="13">
      <t>ドボク</t>
    </rPh>
    <rPh sb="13" eb="15">
      <t>トクテイ</t>
    </rPh>
    <rPh sb="15" eb="17">
      <t>ケンセツ</t>
    </rPh>
    <rPh sb="17" eb="19">
      <t>コウジ</t>
    </rPh>
    <rPh sb="19" eb="21">
      <t>キョウドウ</t>
    </rPh>
    <rPh sb="21" eb="23">
      <t>キギョウ</t>
    </rPh>
    <rPh sb="23" eb="24">
      <t>タイ</t>
    </rPh>
    <phoneticPr fontId="2"/>
  </si>
  <si>
    <t>相模開発株式会社</t>
    <rPh sb="0" eb="4">
      <t>サガミカイハツ</t>
    </rPh>
    <rPh sb="4" eb="8">
      <t>カブシキカイシャ</t>
    </rPh>
    <phoneticPr fontId="3"/>
  </si>
  <si>
    <t>県道603号（上粕屋厚木）（伊勢原市西富岡）道路改良工事</t>
    <rPh sb="0" eb="2">
      <t>ケンドウ</t>
    </rPh>
    <rPh sb="5" eb="6">
      <t>ゴウ</t>
    </rPh>
    <rPh sb="7" eb="10">
      <t>カミカスヤ</t>
    </rPh>
    <rPh sb="10" eb="12">
      <t>アツギ</t>
    </rPh>
    <rPh sb="14" eb="18">
      <t>イセハラシ</t>
    </rPh>
    <rPh sb="18" eb="21">
      <t>ニシトミオカ</t>
    </rPh>
    <rPh sb="22" eb="24">
      <t>ドウロ</t>
    </rPh>
    <rPh sb="24" eb="26">
      <t>カイリョウ</t>
    </rPh>
    <rPh sb="26" eb="28">
      <t>コウジ</t>
    </rPh>
    <phoneticPr fontId="28"/>
  </si>
  <si>
    <t>二級河川金目川（大磯町高麗１丁目地先他）護岸工</t>
    <rPh sb="0" eb="2">
      <t>ニキュウ</t>
    </rPh>
    <rPh sb="2" eb="4">
      <t>カセン</t>
    </rPh>
    <rPh sb="4" eb="6">
      <t>カナメ</t>
    </rPh>
    <rPh sb="6" eb="7">
      <t>ガワ</t>
    </rPh>
    <rPh sb="8" eb="11">
      <t>オオイソマチ</t>
    </rPh>
    <rPh sb="11" eb="13">
      <t>コマ</t>
    </rPh>
    <rPh sb="14" eb="16">
      <t>チョウメ</t>
    </rPh>
    <rPh sb="16" eb="18">
      <t>チサキ</t>
    </rPh>
    <rPh sb="18" eb="19">
      <t>ホカ</t>
    </rPh>
    <rPh sb="20" eb="23">
      <t>ゴガンコウ</t>
    </rPh>
    <phoneticPr fontId="14"/>
  </si>
  <si>
    <t>二級河川境川　（町田市小山町ほか１箇所）　護岸工事</t>
    <rPh sb="0" eb="2">
      <t>ニキュウ</t>
    </rPh>
    <rPh sb="2" eb="4">
      <t>カセン</t>
    </rPh>
    <rPh sb="4" eb="6">
      <t>サカイガワ</t>
    </rPh>
    <rPh sb="8" eb="11">
      <t>マチダシ</t>
    </rPh>
    <rPh sb="11" eb="14">
      <t>オヤママチ</t>
    </rPh>
    <rPh sb="16" eb="19">
      <t>イッカショ</t>
    </rPh>
    <rPh sb="21" eb="23">
      <t>ゴガン</t>
    </rPh>
    <rPh sb="23" eb="25">
      <t>コウジ</t>
    </rPh>
    <phoneticPr fontId="14"/>
  </si>
  <si>
    <t>都市計画道路横浜藤沢線（藤沢市川名)街路整備工事</t>
    <rPh sb="0" eb="2">
      <t>トシ</t>
    </rPh>
    <rPh sb="2" eb="4">
      <t>ケイカク</t>
    </rPh>
    <rPh sb="4" eb="6">
      <t>ドウロ</t>
    </rPh>
    <rPh sb="6" eb="11">
      <t>ヨコハマフジサワセン</t>
    </rPh>
    <rPh sb="12" eb="14">
      <t>フジサワ</t>
    </rPh>
    <rPh sb="14" eb="15">
      <t>シ</t>
    </rPh>
    <rPh sb="15" eb="17">
      <t>カワナ</t>
    </rPh>
    <rPh sb="18" eb="20">
      <t>ガイロ</t>
    </rPh>
    <rPh sb="20" eb="22">
      <t>セイビ</t>
    </rPh>
    <rPh sb="22" eb="24">
      <t>コウジ</t>
    </rPh>
    <phoneticPr fontId="22"/>
  </si>
  <si>
    <t>県営鶴ケ峰団地公営住宅建築工事（１期）</t>
  </si>
  <si>
    <t>富士見町１丁目Ｄ地区　急傾斜地崩壊対策工事</t>
    <rPh sb="0" eb="4">
      <t>フジミチョウ</t>
    </rPh>
    <rPh sb="5" eb="7">
      <t>チョウメ</t>
    </rPh>
    <rPh sb="8" eb="21">
      <t>チク　キュウケイシャチホウカイタイサクコウジ</t>
    </rPh>
    <phoneticPr fontId="28"/>
  </si>
  <si>
    <t>相模川流域下水道　左岸処理場　水処理第３系列機械設備改築工事</t>
  </si>
  <si>
    <t>二級河川酒匂川（足柄上郡山北町岸他）護岸整備工事</t>
    <rPh sb="0" eb="2">
      <t>ニキュウ</t>
    </rPh>
    <rPh sb="2" eb="4">
      <t>カセン</t>
    </rPh>
    <rPh sb="4" eb="7">
      <t>サカワガワ</t>
    </rPh>
    <rPh sb="8" eb="12">
      <t>アシガラカミグン</t>
    </rPh>
    <rPh sb="12" eb="15">
      <t>ヤマキタマチ</t>
    </rPh>
    <rPh sb="15" eb="16">
      <t>キシ</t>
    </rPh>
    <rPh sb="16" eb="17">
      <t>ホカ</t>
    </rPh>
    <rPh sb="18" eb="20">
      <t>ゴガン</t>
    </rPh>
    <rPh sb="20" eb="22">
      <t>セイビ</t>
    </rPh>
    <rPh sb="22" eb="24">
      <t>コウジ</t>
    </rPh>
    <phoneticPr fontId="28"/>
  </si>
  <si>
    <t>一級河川串川（相模原市緑区根小屋）河川改修工事</t>
    <rPh sb="0" eb="2">
      <t>イッキュウ</t>
    </rPh>
    <rPh sb="2" eb="4">
      <t>カセン</t>
    </rPh>
    <rPh sb="4" eb="6">
      <t>クシカワ</t>
    </rPh>
    <rPh sb="7" eb="11">
      <t>サガミハラシ</t>
    </rPh>
    <rPh sb="11" eb="13">
      <t>ミドリク</t>
    </rPh>
    <rPh sb="13" eb="16">
      <t>ネゴヤ</t>
    </rPh>
    <rPh sb="17" eb="19">
      <t>カセン</t>
    </rPh>
    <rPh sb="19" eb="21">
      <t>カイシュウ</t>
    </rPh>
    <rPh sb="21" eb="23">
      <t>コウジ</t>
    </rPh>
    <phoneticPr fontId="12"/>
  </si>
  <si>
    <t>県道46号（茅ヶ崎市柳島）舗装補修工事</t>
    <rPh sb="0" eb="2">
      <t>ケンドウ</t>
    </rPh>
    <rPh sb="4" eb="5">
      <t>ゴウ</t>
    </rPh>
    <rPh sb="6" eb="10">
      <t>チガサキシ</t>
    </rPh>
    <rPh sb="10" eb="12">
      <t>ヤナギシマ</t>
    </rPh>
    <rPh sb="13" eb="15">
      <t>ホソウ</t>
    </rPh>
    <rPh sb="15" eb="17">
      <t>ホシュウ</t>
    </rPh>
    <rPh sb="17" eb="19">
      <t>コウジ</t>
    </rPh>
    <phoneticPr fontId="3"/>
  </si>
  <si>
    <t>国道１号（箱根町大平台）道路補修工事</t>
    <rPh sb="0" eb="2">
      <t>コクドウ　イチ</t>
    </rPh>
    <rPh sb="3" eb="4">
      <t>ゴウ</t>
    </rPh>
    <rPh sb="12" eb="14">
      <t>ドウロ</t>
    </rPh>
    <rPh sb="14" eb="16">
      <t>ホシュウ</t>
    </rPh>
    <rPh sb="16" eb="18">
      <t>コウジ</t>
    </rPh>
    <phoneticPr fontId="1"/>
  </si>
  <si>
    <t>二級河川引地川（藤沢市下土棚外）河川改修工事</t>
    <rPh sb="0" eb="2">
      <t>ニキュウ</t>
    </rPh>
    <rPh sb="2" eb="4">
      <t>カセン</t>
    </rPh>
    <rPh sb="4" eb="6">
      <t>ヒキジ</t>
    </rPh>
    <rPh sb="6" eb="7">
      <t>カワ</t>
    </rPh>
    <rPh sb="8" eb="10">
      <t>フジサワ</t>
    </rPh>
    <rPh sb="10" eb="11">
      <t>シ</t>
    </rPh>
    <rPh sb="11" eb="12">
      <t>シモ</t>
    </rPh>
    <rPh sb="12" eb="13">
      <t>ツチ</t>
    </rPh>
    <rPh sb="13" eb="14">
      <t>タナ</t>
    </rPh>
    <rPh sb="14" eb="15">
      <t>ホカ</t>
    </rPh>
    <rPh sb="16" eb="18">
      <t>カセン</t>
    </rPh>
    <rPh sb="18" eb="20">
      <t>カイシュウ</t>
    </rPh>
    <rPh sb="20" eb="22">
      <t>コウジ</t>
    </rPh>
    <phoneticPr fontId="1"/>
  </si>
  <si>
    <t>光陵高校体育館改修及び耐震補強工事</t>
    <rPh sb="0" eb="2">
      <t>コウリョウ</t>
    </rPh>
    <rPh sb="2" eb="4">
      <t>コウコウ</t>
    </rPh>
    <rPh sb="4" eb="7">
      <t>タイイクカン</t>
    </rPh>
    <rPh sb="7" eb="10">
      <t>カイシュウオヨ</t>
    </rPh>
    <rPh sb="11" eb="17">
      <t>タイシンホキョウコウジ</t>
    </rPh>
    <phoneticPr fontId="3"/>
  </si>
  <si>
    <t>根小屋Ｂ地区　急傾斜地崩壊対策工事</t>
    <rPh sb="0" eb="3">
      <t>ネゴヤ</t>
    </rPh>
    <rPh sb="4" eb="6">
      <t>チク</t>
    </rPh>
    <rPh sb="7" eb="8">
      <t>キュウ</t>
    </rPh>
    <rPh sb="8" eb="11">
      <t>ケイシャチ</t>
    </rPh>
    <rPh sb="11" eb="13">
      <t>ホウカイ</t>
    </rPh>
    <rPh sb="13" eb="15">
      <t>タイサク</t>
    </rPh>
    <rPh sb="15" eb="17">
      <t>コウジ</t>
    </rPh>
    <phoneticPr fontId="1"/>
  </si>
  <si>
    <t>県道410号（湘南台大神）（平塚市大神）交差点改良工事</t>
    <rPh sb="0" eb="2">
      <t>ケンドウ</t>
    </rPh>
    <rPh sb="5" eb="6">
      <t>ゴウ</t>
    </rPh>
    <rPh sb="7" eb="10">
      <t>ショウナンダイ</t>
    </rPh>
    <rPh sb="10" eb="12">
      <t>オオガミ</t>
    </rPh>
    <rPh sb="14" eb="17">
      <t>ヒラツカシ</t>
    </rPh>
    <rPh sb="17" eb="19">
      <t>オオガミ</t>
    </rPh>
    <rPh sb="20" eb="23">
      <t>コウサテン</t>
    </rPh>
    <rPh sb="23" eb="25">
      <t>カイリョウ</t>
    </rPh>
    <rPh sb="25" eb="27">
      <t>コウジ</t>
    </rPh>
    <phoneticPr fontId="1"/>
  </si>
  <si>
    <t>県道42号　(座間市入谷東一丁目)　道路災害防除工事</t>
  </si>
  <si>
    <t>小田原海岸　側溝補修工事</t>
    <rPh sb="0" eb="3">
      <t>オダワラ</t>
    </rPh>
    <rPh sb="3" eb="5">
      <t>カイガン</t>
    </rPh>
    <rPh sb="6" eb="8">
      <t>ソッコウ</t>
    </rPh>
    <rPh sb="8" eb="10">
      <t>ホシュウ</t>
    </rPh>
    <rPh sb="10" eb="12">
      <t>コウジ</t>
    </rPh>
    <phoneticPr fontId="28"/>
  </si>
  <si>
    <t>平塚土木事務所</t>
    <rPh sb="0" eb="2">
      <t>ヒラツカ</t>
    </rPh>
    <rPh sb="2" eb="4">
      <t>ドボク</t>
    </rPh>
    <rPh sb="4" eb="6">
      <t>ジム</t>
    </rPh>
    <rPh sb="6" eb="7">
      <t>ショ</t>
    </rPh>
    <phoneticPr fontId="7"/>
  </si>
  <si>
    <t>流域下水道整備事務所</t>
    <rPh sb="0" eb="2">
      <t>リュウイキ</t>
    </rPh>
    <rPh sb="2" eb="5">
      <t>ゲスイドウ</t>
    </rPh>
    <rPh sb="5" eb="7">
      <t>セイビ</t>
    </rPh>
    <rPh sb="7" eb="9">
      <t>ジム</t>
    </rPh>
    <rPh sb="9" eb="10">
      <t>ショ</t>
    </rPh>
    <phoneticPr fontId="3"/>
  </si>
  <si>
    <t>平塚土木事務所</t>
    <rPh sb="0" eb="7">
      <t>ヒラツカドボクジムショ</t>
    </rPh>
    <phoneticPr fontId="7"/>
  </si>
  <si>
    <t>厚木土木事務所東部センター</t>
    <rPh sb="0" eb="2">
      <t>アツギ</t>
    </rPh>
    <rPh sb="2" eb="4">
      <t>ドボク</t>
    </rPh>
    <rPh sb="4" eb="6">
      <t>ジム</t>
    </rPh>
    <rPh sb="6" eb="7">
      <t>ショ</t>
    </rPh>
    <rPh sb="7" eb="9">
      <t>トウブ</t>
    </rPh>
    <phoneticPr fontId="7"/>
  </si>
  <si>
    <t>浅岡建設株式会社</t>
    <rPh sb="0" eb="2">
      <t>アサオカ</t>
    </rPh>
    <rPh sb="2" eb="4">
      <t>ケンセツ</t>
    </rPh>
    <phoneticPr fontId="3"/>
  </si>
  <si>
    <t>株式会社エス・ケイ・ディ</t>
  </si>
  <si>
    <t>株式会社勝俣組　</t>
    <rPh sb="4" eb="7">
      <t>カツマタグミ</t>
    </rPh>
    <phoneticPr fontId="5"/>
  </si>
  <si>
    <t>小雀建設株式会社　</t>
    <rPh sb="0" eb="2">
      <t>コスズメ</t>
    </rPh>
    <rPh sb="2" eb="4">
      <t>ケンセツ</t>
    </rPh>
    <phoneticPr fontId="1"/>
  </si>
  <si>
    <t>株式会社鈴木組　</t>
    <rPh sb="4" eb="7">
      <t>スズキグミ</t>
    </rPh>
    <phoneticPr fontId="27"/>
  </si>
  <si>
    <t>鉄建基礎株式会社</t>
    <rPh sb="0" eb="2">
      <t>テッケン</t>
    </rPh>
    <rPh sb="2" eb="4">
      <t>キソ</t>
    </rPh>
    <phoneticPr fontId="5"/>
  </si>
  <si>
    <t>東洋建設株式会社　横浜支店</t>
    <rPh sb="0" eb="2">
      <t>トウヨウ</t>
    </rPh>
    <rPh sb="2" eb="4">
      <t>ケンセツ</t>
    </rPh>
    <rPh sb="9" eb="11">
      <t>ヨコハマ</t>
    </rPh>
    <rPh sb="11" eb="13">
      <t>シテン</t>
    </rPh>
    <phoneticPr fontId="1"/>
  </si>
  <si>
    <t>株式会社日東建設</t>
    <rPh sb="4" eb="6">
      <t>ニットウ</t>
    </rPh>
    <rPh sb="6" eb="8">
      <t>ケンセツ</t>
    </rPh>
    <phoneticPr fontId="7"/>
  </si>
  <si>
    <t>馬淵建設株式会社</t>
    <rPh sb="0" eb="2">
      <t>マブチ</t>
    </rPh>
    <rPh sb="2" eb="4">
      <t>ケンセツ</t>
    </rPh>
    <phoneticPr fontId="4"/>
  </si>
  <si>
    <t>株式会社厚木植木</t>
    <rPh sb="4" eb="6">
      <t>アツギ</t>
    </rPh>
    <rPh sb="6" eb="8">
      <t>ウエキ</t>
    </rPh>
    <phoneticPr fontId="1"/>
  </si>
  <si>
    <t>株式会社加藤工務店</t>
    <rPh sb="4" eb="9">
      <t>カトウコウムテン</t>
    </rPh>
    <phoneticPr fontId="1"/>
  </si>
  <si>
    <t>株式会社門屋建設</t>
    <rPh sb="4" eb="6">
      <t>カドヤ</t>
    </rPh>
    <rPh sb="6" eb="8">
      <t>ケンセツ</t>
    </rPh>
    <phoneticPr fontId="1"/>
  </si>
  <si>
    <t>株式会社菊地原建設工業　</t>
    <rPh sb="4" eb="7">
      <t>キクチハラ</t>
    </rPh>
    <rPh sb="7" eb="9">
      <t>ケンセツ</t>
    </rPh>
    <rPh sb="9" eb="11">
      <t>コウギョウ</t>
    </rPh>
    <phoneticPr fontId="5"/>
  </si>
  <si>
    <t>株式会社コスモ</t>
  </si>
  <si>
    <t>株式会社コハラ</t>
    <phoneticPr fontId="1"/>
  </si>
  <si>
    <t>株式会社渡栄土木</t>
    <rPh sb="4" eb="5">
      <t>ワタ</t>
    </rPh>
    <rPh sb="5" eb="6">
      <t>サカエ</t>
    </rPh>
    <rPh sb="6" eb="8">
      <t>ドボク</t>
    </rPh>
    <phoneticPr fontId="1"/>
  </si>
  <si>
    <t>柏原建設株式会社　</t>
    <rPh sb="0" eb="2">
      <t>カシハラ</t>
    </rPh>
    <rPh sb="2" eb="4">
      <t>ケンセツ</t>
    </rPh>
    <phoneticPr fontId="4"/>
  </si>
  <si>
    <t>株式会社センチュリー工業</t>
    <phoneticPr fontId="2"/>
  </si>
  <si>
    <t>日本プラミング株式会社</t>
    <rPh sb="0" eb="2">
      <t>ニホン</t>
    </rPh>
    <phoneticPr fontId="1"/>
  </si>
  <si>
    <t>堀本建設株式会社</t>
    <rPh sb="0" eb="2">
      <t>ホリモト</t>
    </rPh>
    <rPh sb="2" eb="4">
      <t>ケンセツ</t>
    </rPh>
    <phoneticPr fontId="1"/>
  </si>
  <si>
    <t>横浜日建株式会社</t>
    <phoneticPr fontId="1"/>
  </si>
  <si>
    <t>株式会社落合組</t>
    <phoneticPr fontId="1"/>
  </si>
  <si>
    <t>株式会社清川建設</t>
    <rPh sb="4" eb="6">
      <t>キヨカワ</t>
    </rPh>
    <rPh sb="6" eb="8">
      <t>ケンセツ</t>
    </rPh>
    <phoneticPr fontId="1"/>
  </si>
  <si>
    <t>株式会社安藤組</t>
    <phoneticPr fontId="1"/>
  </si>
  <si>
    <t>株式会社アクア・アドバンス</t>
  </si>
  <si>
    <t>大野土建株式会社　</t>
    <rPh sb="0" eb="2">
      <t>オオノ</t>
    </rPh>
    <rPh sb="2" eb="4">
      <t>ドケン</t>
    </rPh>
    <phoneticPr fontId="5"/>
  </si>
  <si>
    <t>株式会社加藤工務店</t>
    <rPh sb="4" eb="6">
      <t>カトウ</t>
    </rPh>
    <rPh sb="6" eb="9">
      <t>コウムテン</t>
    </rPh>
    <phoneticPr fontId="7"/>
  </si>
  <si>
    <t>株式会社紅梅組</t>
    <rPh sb="4" eb="6">
      <t>コウバイ</t>
    </rPh>
    <rPh sb="6" eb="7">
      <t>グミ</t>
    </rPh>
    <phoneticPr fontId="7"/>
  </si>
  <si>
    <t>株式会社丸島アクアシステム東京支店</t>
    <rPh sb="4" eb="6">
      <t>マルシマ</t>
    </rPh>
    <rPh sb="13" eb="15">
      <t>トウキョウ</t>
    </rPh>
    <rPh sb="15" eb="17">
      <t>シテン</t>
    </rPh>
    <phoneticPr fontId="1"/>
  </si>
  <si>
    <t>今泉建設株式会社</t>
    <rPh sb="0" eb="2">
      <t>イマイズミ</t>
    </rPh>
    <rPh sb="2" eb="4">
      <t>ケンセツ</t>
    </rPh>
    <phoneticPr fontId="7"/>
  </si>
  <si>
    <t>三和建設株式会社</t>
    <rPh sb="0" eb="2">
      <t>サンワ</t>
    </rPh>
    <rPh sb="2" eb="4">
      <t>ケンセツ</t>
    </rPh>
    <phoneticPr fontId="18"/>
  </si>
  <si>
    <t>湘南建設株式会社</t>
    <rPh sb="0" eb="2">
      <t>ショウナン</t>
    </rPh>
    <rPh sb="2" eb="4">
      <t>ケンセツ</t>
    </rPh>
    <phoneticPr fontId="7"/>
  </si>
  <si>
    <t>日進建設株式会社</t>
    <rPh sb="0" eb="2">
      <t>ニッシン</t>
    </rPh>
    <rPh sb="2" eb="4">
      <t>ケンセツ</t>
    </rPh>
    <phoneticPr fontId="3"/>
  </si>
  <si>
    <t>日相建設株式会社</t>
  </si>
  <si>
    <t>株式会社丸孝産業</t>
    <rPh sb="4" eb="8">
      <t>マルタカシサンギョウ</t>
    </rPh>
    <phoneticPr fontId="0"/>
  </si>
  <si>
    <t>株式会社水野建設</t>
    <rPh sb="4" eb="6">
      <t>ミズノ</t>
    </rPh>
    <rPh sb="6" eb="8">
      <t>ケンセツ</t>
    </rPh>
    <phoneticPr fontId="7"/>
  </si>
  <si>
    <t>株式会社藤本工業</t>
    <rPh sb="4" eb="6">
      <t>フジモト</t>
    </rPh>
    <rPh sb="6" eb="8">
      <t>コウギョウ</t>
    </rPh>
    <phoneticPr fontId="27"/>
  </si>
  <si>
    <t>有限会社協栄産業</t>
    <rPh sb="4" eb="6">
      <t>キョウエイ</t>
    </rPh>
    <rPh sb="6" eb="8">
      <t>サンギョウ</t>
    </rPh>
    <phoneticPr fontId="1"/>
  </si>
  <si>
    <t>有限会社西村組</t>
    <rPh sb="4" eb="6">
      <t>ニシムラ</t>
    </rPh>
    <rPh sb="6" eb="7">
      <t>グミ</t>
    </rPh>
    <phoneticPr fontId="1"/>
  </si>
  <si>
    <t>有限会社酒匂土木</t>
    <rPh sb="4" eb="8">
      <t>サカワドボク</t>
    </rPh>
    <phoneticPr fontId="1"/>
  </si>
  <si>
    <t>大成設備有限会社</t>
    <rPh sb="0" eb="2">
      <t>タイセイ</t>
    </rPh>
    <rPh sb="2" eb="4">
      <t>セツビ</t>
    </rPh>
    <phoneticPr fontId="1"/>
  </si>
  <si>
    <t>有限会社野木建設</t>
    <rPh sb="4" eb="6">
      <t>ノギ</t>
    </rPh>
    <rPh sb="6" eb="8">
      <t>ケンセツ</t>
    </rPh>
    <phoneticPr fontId="1"/>
  </si>
  <si>
    <t>有限会社ＨＡＳ</t>
  </si>
  <si>
    <t>有限会社湯山造園土木</t>
    <rPh sb="4" eb="6">
      <t>ユヤマ</t>
    </rPh>
    <rPh sb="6" eb="8">
      <t>ゾウエン</t>
    </rPh>
    <rPh sb="8" eb="10">
      <t>ドボク</t>
    </rPh>
    <phoneticPr fontId="1"/>
  </si>
  <si>
    <t>有限会社林土木工業</t>
    <rPh sb="4" eb="5">
      <t>ハヤシ</t>
    </rPh>
    <rPh sb="5" eb="7">
      <t>ドボク</t>
    </rPh>
    <rPh sb="7" eb="9">
      <t>コウギョウ</t>
    </rPh>
    <phoneticPr fontId="15"/>
  </si>
  <si>
    <t>有限会社小島組</t>
    <rPh sb="4" eb="7">
      <t>コジマグミ</t>
    </rPh>
    <phoneticPr fontId="2"/>
  </si>
  <si>
    <t>有限会社宮内商店</t>
  </si>
  <si>
    <t>清水・門倉・西特定建設工事共同企業体</t>
    <rPh sb="0" eb="2">
      <t>シミズ</t>
    </rPh>
    <rPh sb="3" eb="5">
      <t>カドクラ</t>
    </rPh>
    <rPh sb="6" eb="7">
      <t>ニシ</t>
    </rPh>
    <rPh sb="7" eb="9">
      <t>トクテイ</t>
    </rPh>
    <rPh sb="9" eb="11">
      <t>ケンセツ</t>
    </rPh>
    <rPh sb="11" eb="13">
      <t>コウジ</t>
    </rPh>
    <rPh sb="13" eb="18">
      <t>キョウドウキギョウタイ</t>
    </rPh>
    <phoneticPr fontId="3"/>
  </si>
  <si>
    <t>不動ノ峰休憩所　建替等整備工事</t>
    <rPh sb="0" eb="2">
      <t>フドウ</t>
    </rPh>
    <rPh sb="3" eb="4">
      <t>ミネ</t>
    </rPh>
    <rPh sb="4" eb="6">
      <t>キュウケイ</t>
    </rPh>
    <rPh sb="6" eb="7">
      <t>ジョ</t>
    </rPh>
    <rPh sb="8" eb="10">
      <t>タテカエ</t>
    </rPh>
    <rPh sb="10" eb="11">
      <t>トウ</t>
    </rPh>
    <rPh sb="11" eb="13">
      <t>セイビ</t>
    </rPh>
    <rPh sb="13" eb="15">
      <t>コウジ</t>
    </rPh>
    <phoneticPr fontId="1"/>
  </si>
  <si>
    <t>酒匂川流域下水道　箱根小田原幹線　４工区管渠築造工事</t>
    <rPh sb="0" eb="8">
      <t>サカワガワリュウイキゲスイドウ</t>
    </rPh>
    <rPh sb="9" eb="16">
      <t>ハコネオダワラカンセン</t>
    </rPh>
    <rPh sb="17" eb="18">
      <t>ヨン</t>
    </rPh>
    <rPh sb="18" eb="26">
      <t>コウクカンキョチクゾウコウジ</t>
    </rPh>
    <phoneticPr fontId="3"/>
  </si>
  <si>
    <t>県道４２号（中津川大橋西側高架工区）新設橋梁工事</t>
    <rPh sb="0" eb="2">
      <t>ケンドウ</t>
    </rPh>
    <rPh sb="4" eb="5">
      <t>ゴウ</t>
    </rPh>
    <rPh sb="6" eb="9">
      <t>ナカツガワ</t>
    </rPh>
    <rPh sb="9" eb="11">
      <t>オオハシ</t>
    </rPh>
    <rPh sb="11" eb="13">
      <t>ニシガワ</t>
    </rPh>
    <rPh sb="13" eb="15">
      <t>コウカ</t>
    </rPh>
    <rPh sb="15" eb="17">
      <t>コウク</t>
    </rPh>
    <rPh sb="18" eb="20">
      <t>シンセツ</t>
    </rPh>
    <rPh sb="20" eb="22">
      <t>キョウリョウ</t>
    </rPh>
    <rPh sb="22" eb="24">
      <t>コウジ</t>
    </rPh>
    <phoneticPr fontId="28"/>
  </si>
  <si>
    <t>県道２６号（横須賀市小矢部三丁目）道路補修工事</t>
    <rPh sb="0" eb="2">
      <t>ケンドウ</t>
    </rPh>
    <rPh sb="4" eb="5">
      <t>ゴウ</t>
    </rPh>
    <rPh sb="6" eb="9">
      <t>ヨコスカ</t>
    </rPh>
    <rPh sb="9" eb="10">
      <t>シ</t>
    </rPh>
    <rPh sb="10" eb="13">
      <t>コヤベ</t>
    </rPh>
    <rPh sb="13" eb="16">
      <t>サンチョウメ</t>
    </rPh>
    <rPh sb="17" eb="19">
      <t>ドウロ</t>
    </rPh>
    <rPh sb="19" eb="21">
      <t>ホシュウ</t>
    </rPh>
    <rPh sb="21" eb="23">
      <t>コウジ</t>
    </rPh>
    <phoneticPr fontId="28"/>
  </si>
  <si>
    <t>神奈川県県土整備局優良工事等局長表彰</t>
    <phoneticPr fontId="22"/>
  </si>
  <si>
    <t>神奈川県県土整備局優良工事等局長表彰</t>
    <rPh sb="0" eb="4">
      <t>カナガワケン</t>
    </rPh>
    <rPh sb="4" eb="6">
      <t>ケンド</t>
    </rPh>
    <rPh sb="6" eb="8">
      <t>セイビ</t>
    </rPh>
    <rPh sb="8" eb="9">
      <t>キョク</t>
    </rPh>
    <rPh sb="9" eb="11">
      <t>ユウリョウ</t>
    </rPh>
    <rPh sb="11" eb="14">
      <t>コウジトウ</t>
    </rPh>
    <rPh sb="14" eb="16">
      <t>キョクチョウ</t>
    </rPh>
    <rPh sb="16" eb="18">
      <t>ヒョウショウ</t>
    </rPh>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46">
    <font>
      <sz val="11"/>
      <name val="明朝"/>
      <family val="1"/>
      <charset val="128"/>
    </font>
    <font>
      <sz val="11"/>
      <name val="明朝"/>
      <family val="1"/>
      <charset val="128"/>
    </font>
    <font>
      <sz val="6"/>
      <name val="ＭＳ Ｐ明朝"/>
      <family val="1"/>
      <charset val="128"/>
    </font>
    <font>
      <sz val="6"/>
      <name val="ＭＳ Ｐゴシック"/>
      <family val="3"/>
      <charset val="128"/>
    </font>
    <font>
      <sz val="11"/>
      <name val="ＭＳ Ｐゴシック"/>
      <family val="3"/>
      <charset val="128"/>
    </font>
    <font>
      <u/>
      <sz val="11"/>
      <color indexed="12"/>
      <name val="明朝"/>
      <family val="1"/>
      <charset val="128"/>
    </font>
    <font>
      <u/>
      <sz val="11"/>
      <color indexed="36"/>
      <name val="明朝"/>
      <family val="1"/>
      <charset val="128"/>
    </font>
    <font>
      <sz val="11"/>
      <color indexed="8"/>
      <name val="ＭＳ Ｐゴシック"/>
      <family val="3"/>
      <charset val="128"/>
    </font>
    <font>
      <sz val="6"/>
      <name val="ＭＳ 明朝"/>
      <family val="1"/>
      <charset val="128"/>
    </font>
    <font>
      <sz val="12"/>
      <name val="ＭＳ Ｐゴシック"/>
      <family val="3"/>
      <charset val="128"/>
    </font>
    <font>
      <sz val="12"/>
      <name val="ＭＳ ゴシック"/>
      <family val="3"/>
      <charset val="128"/>
    </font>
    <font>
      <sz val="12"/>
      <name val="明朝"/>
      <family val="1"/>
      <charset val="128"/>
    </font>
    <font>
      <sz val="12"/>
      <name val="ＭＳ 明朝"/>
      <family val="1"/>
      <charset val="128"/>
    </font>
    <font>
      <b/>
      <sz val="12"/>
      <name val="ＭＳ Ｐゴシック"/>
      <family val="3"/>
      <charset val="128"/>
    </font>
    <font>
      <sz val="12"/>
      <color indexed="8"/>
      <name val="ＭＳ Ｐゴシック"/>
      <family val="3"/>
      <charset val="128"/>
    </font>
    <font>
      <b/>
      <sz val="13"/>
      <color indexed="62"/>
      <name val="ＭＳ 明朝"/>
      <family val="1"/>
      <charset val="128"/>
    </font>
    <font>
      <b/>
      <sz val="11"/>
      <color indexed="62"/>
      <name val="ＭＳ 明朝"/>
      <family val="1"/>
      <charset val="128"/>
    </font>
    <font>
      <b/>
      <sz val="12"/>
      <color indexed="63"/>
      <name val="ＭＳ 明朝"/>
      <family val="1"/>
      <charset val="128"/>
    </font>
    <font>
      <b/>
      <sz val="15"/>
      <color indexed="62"/>
      <name val="ＭＳ 明朝"/>
      <family val="1"/>
      <charset val="128"/>
    </font>
    <font>
      <sz val="10"/>
      <name val="ＭＳ Ｐゴシック"/>
      <family val="3"/>
      <charset val="128"/>
    </font>
    <font>
      <b/>
      <sz val="10"/>
      <name val="ＭＳ Ｐゴシック"/>
      <family val="3"/>
      <charset val="128"/>
    </font>
    <font>
      <sz val="10"/>
      <color indexed="8"/>
      <name val="ＭＳ Ｐゴシック"/>
      <family val="3"/>
      <charset val="128"/>
    </font>
    <font>
      <sz val="6"/>
      <name val="明朝"/>
      <family val="1"/>
      <charset val="128"/>
    </font>
    <font>
      <b/>
      <sz val="9"/>
      <color indexed="81"/>
      <name val="ＭＳ Ｐゴシック"/>
      <family val="3"/>
      <charset val="128"/>
    </font>
    <font>
      <sz val="9"/>
      <color indexed="81"/>
      <name val="ＭＳ Ｐゴシック"/>
      <family val="3"/>
      <charset val="128"/>
    </font>
    <font>
      <sz val="7"/>
      <name val="ＭＳ 明朝"/>
      <family val="1"/>
      <charset val="128"/>
    </font>
    <font>
      <sz val="10"/>
      <name val="ＭＳ ゴシック"/>
      <family val="3"/>
      <charset val="128"/>
    </font>
    <font>
      <sz val="10"/>
      <color indexed="8"/>
      <name val="ＭＳ ゴシック"/>
      <family val="3"/>
      <charset val="128"/>
    </font>
    <font>
      <sz val="18"/>
      <color theme="3"/>
      <name val="ＭＳ Ｐゴシック"/>
      <family val="2"/>
      <charset val="128"/>
      <scheme val="major"/>
    </font>
    <font>
      <sz val="7"/>
      <name val="ＭＳ Ｐ明朝"/>
      <family val="1"/>
      <charset val="128"/>
    </font>
    <font>
      <b/>
      <sz val="18"/>
      <name val="ＭＳ Ｐゴシック"/>
      <family val="3"/>
      <charset val="128"/>
      <scheme val="minor"/>
    </font>
    <font>
      <sz val="11"/>
      <name val="ＭＳ Ｐゴシック"/>
      <family val="3"/>
      <charset val="128"/>
      <scheme val="minor"/>
    </font>
    <font>
      <b/>
      <sz val="16"/>
      <name val="ＭＳ Ｐゴシック"/>
      <family val="3"/>
      <charset val="128"/>
      <scheme val="minor"/>
    </font>
    <font>
      <b/>
      <sz val="16"/>
      <color indexed="10"/>
      <name val="ＭＳ Ｐゴシック"/>
      <family val="3"/>
      <charset val="128"/>
      <scheme val="minor"/>
    </font>
    <font>
      <sz val="10"/>
      <name val="ＭＳ Ｐゴシック"/>
      <family val="3"/>
      <charset val="128"/>
      <scheme val="minor"/>
    </font>
    <font>
      <b/>
      <sz val="16"/>
      <color rgb="FFFF0000"/>
      <name val="ＭＳ Ｐゴシック"/>
      <family val="3"/>
      <charset val="128"/>
      <scheme val="minor"/>
    </font>
    <font>
      <sz val="14"/>
      <color indexed="8"/>
      <name val="ＭＳ 明朝"/>
      <family val="1"/>
      <charset val="128"/>
    </font>
    <font>
      <b/>
      <sz val="20"/>
      <name val="ＭＳ 明朝"/>
      <family val="1"/>
      <charset val="128"/>
    </font>
    <font>
      <sz val="11"/>
      <name val="ＭＳ 明朝"/>
      <family val="1"/>
      <charset val="128"/>
    </font>
    <font>
      <sz val="10"/>
      <name val="ＭＳ 明朝"/>
      <family val="1"/>
      <charset val="128"/>
    </font>
    <font>
      <sz val="14"/>
      <name val="ＭＳ 明朝"/>
      <family val="1"/>
      <charset val="128"/>
    </font>
    <font>
      <sz val="12"/>
      <color indexed="8"/>
      <name val="ＭＳ 明朝"/>
      <family val="1"/>
      <charset val="128"/>
    </font>
    <font>
      <sz val="14"/>
      <color indexed="10"/>
      <name val="ＭＳ 明朝"/>
      <family val="1"/>
      <charset val="128"/>
    </font>
    <font>
      <sz val="11"/>
      <color theme="1"/>
      <name val="ＭＳ Ｐゴシック"/>
      <family val="3"/>
      <charset val="128"/>
      <scheme val="minor"/>
    </font>
    <font>
      <b/>
      <sz val="14"/>
      <color rgb="FFFF0000"/>
      <name val="ＭＳ Ｐゴシック"/>
      <family val="3"/>
      <charset val="128"/>
      <scheme val="minor"/>
    </font>
    <font>
      <sz val="11"/>
      <color rgb="FFFF0000"/>
      <name val="ＭＳ 明朝"/>
      <family val="1"/>
      <charset val="128"/>
    </font>
  </fonts>
  <fills count="2">
    <fill>
      <patternFill patternType="none"/>
    </fill>
    <fill>
      <patternFill patternType="gray125"/>
    </fill>
  </fills>
  <borders count="5">
    <border>
      <left/>
      <right/>
      <top/>
      <bottom/>
      <diagonal/>
    </border>
    <border>
      <left style="thin">
        <color indexed="64"/>
      </left>
      <right style="thin">
        <color indexed="64"/>
      </right>
      <top style="thin">
        <color indexed="64"/>
      </top>
      <bottom style="thin">
        <color indexed="64"/>
      </bottom>
      <diagonal/>
    </border>
    <border>
      <left style="medium">
        <color rgb="FFFF0000"/>
      </left>
      <right style="medium">
        <color rgb="FFFF0000"/>
      </right>
      <top style="medium">
        <color rgb="FFFF0000"/>
      </top>
      <bottom style="medium">
        <color rgb="FFFF0000"/>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thin">
        <color indexed="64"/>
      </bottom>
      <diagonal/>
    </border>
  </borders>
  <cellStyleXfs count="2">
    <xf numFmtId="0" fontId="0" fillId="0" borderId="0"/>
    <xf numFmtId="0" fontId="4" fillId="0" borderId="0"/>
  </cellStyleXfs>
  <cellXfs count="41">
    <xf numFmtId="0" fontId="0" fillId="0" borderId="0" xfId="0"/>
    <xf numFmtId="0" fontId="31" fillId="0" borderId="0" xfId="0" applyFont="1"/>
    <xf numFmtId="0" fontId="32" fillId="0" borderId="0" xfId="0" applyFont="1" applyFill="1" applyBorder="1" applyAlignment="1" applyProtection="1">
      <alignment horizontal="left" vertical="center"/>
      <protection locked="0"/>
    </xf>
    <xf numFmtId="0" fontId="32" fillId="0" borderId="0" xfId="0" applyFont="1" applyFill="1" applyBorder="1" applyAlignment="1" applyProtection="1">
      <alignment horizontal="left" vertical="center"/>
    </xf>
    <xf numFmtId="0" fontId="35" fillId="0" borderId="2" xfId="0" applyFont="1" applyFill="1" applyBorder="1" applyAlignment="1" applyProtection="1">
      <alignment horizontal="center" vertical="center" wrapText="1"/>
      <protection locked="0"/>
    </xf>
    <xf numFmtId="0" fontId="34" fillId="0" borderId="0" xfId="0" applyFont="1" applyAlignment="1">
      <alignment horizontal="center" vertical="center"/>
    </xf>
    <xf numFmtId="0" fontId="30" fillId="0" borderId="0" xfId="0" applyFont="1" applyFill="1" applyBorder="1" applyAlignment="1" applyProtection="1">
      <alignment horizontal="left" vertical="center"/>
      <protection locked="0"/>
    </xf>
    <xf numFmtId="0" fontId="38" fillId="0" borderId="1" xfId="0" applyFont="1" applyBorder="1" applyAlignment="1">
      <alignment horizontal="center" vertical="center"/>
    </xf>
    <xf numFmtId="0" fontId="38" fillId="0" borderId="1" xfId="0" applyFont="1" applyBorder="1" applyAlignment="1">
      <alignment horizontal="center"/>
    </xf>
    <xf numFmtId="0" fontId="38" fillId="0" borderId="1" xfId="0" applyFont="1" applyBorder="1" applyAlignment="1">
      <alignment horizontal="left" wrapText="1"/>
    </xf>
    <xf numFmtId="0" fontId="38" fillId="0" borderId="1" xfId="0" applyFont="1" applyFill="1" applyBorder="1" applyAlignment="1">
      <alignment horizontal="left" vertical="center" wrapText="1"/>
    </xf>
    <xf numFmtId="0" fontId="38" fillId="0" borderId="1" xfId="0" applyFont="1" applyFill="1" applyBorder="1" applyAlignment="1">
      <alignment horizontal="center" vertical="center" wrapText="1"/>
    </xf>
    <xf numFmtId="176" fontId="38" fillId="0" borderId="1" xfId="0" applyNumberFormat="1" applyFont="1" applyFill="1" applyBorder="1" applyAlignment="1">
      <alignment horizontal="center" vertical="center" wrapText="1"/>
    </xf>
    <xf numFmtId="0" fontId="38" fillId="0" borderId="1" xfId="0" applyFont="1" applyFill="1" applyBorder="1" applyAlignment="1">
      <alignment vertical="center" wrapText="1"/>
    </xf>
    <xf numFmtId="0" fontId="38" fillId="0" borderId="1" xfId="0" applyFont="1" applyFill="1" applyBorder="1" applyAlignment="1">
      <alignment horizontal="center" vertical="center"/>
    </xf>
    <xf numFmtId="0" fontId="38" fillId="0" borderId="1" xfId="0" applyFont="1" applyFill="1" applyBorder="1" applyAlignment="1">
      <alignment horizontal="left" vertical="top" wrapText="1"/>
    </xf>
    <xf numFmtId="0" fontId="38" fillId="0" borderId="1" xfId="0" applyFont="1" applyBorder="1" applyAlignment="1">
      <alignment vertical="center" wrapText="1"/>
    </xf>
    <xf numFmtId="0" fontId="38" fillId="0" borderId="1" xfId="0" applyFont="1" applyBorder="1" applyAlignment="1">
      <alignment horizontal="center" vertical="center" wrapText="1"/>
    </xf>
    <xf numFmtId="0" fontId="38" fillId="0" borderId="1" xfId="0" applyFont="1" applyBorder="1" applyAlignment="1">
      <alignment vertical="center"/>
    </xf>
    <xf numFmtId="0" fontId="38" fillId="0" borderId="1" xfId="0" applyFont="1" applyBorder="1" applyAlignment="1">
      <alignment horizontal="left" vertical="center" wrapText="1"/>
    </xf>
    <xf numFmtId="0" fontId="38" fillId="0" borderId="1" xfId="1" applyFont="1" applyBorder="1" applyAlignment="1">
      <alignment horizontal="center" vertical="center"/>
    </xf>
    <xf numFmtId="0" fontId="38" fillId="0" borderId="1" xfId="1" applyFont="1" applyBorder="1" applyAlignment="1">
      <alignment horizontal="center"/>
    </xf>
    <xf numFmtId="58" fontId="43" fillId="0" borderId="0" xfId="0" applyNumberFormat="1" applyFont="1" applyAlignment="1">
      <alignment horizontal="right" shrinkToFit="1"/>
    </xf>
    <xf numFmtId="0" fontId="38" fillId="0" borderId="1" xfId="1" applyFont="1" applyBorder="1" applyAlignment="1">
      <alignment horizontal="left" vertical="center"/>
    </xf>
    <xf numFmtId="0" fontId="38" fillId="0" borderId="1" xfId="1" applyFont="1" applyBorder="1" applyAlignment="1">
      <alignment horizontal="left" vertical="center" wrapText="1"/>
    </xf>
    <xf numFmtId="0" fontId="44" fillId="0" borderId="0" xfId="0" applyFont="1" applyAlignment="1">
      <alignment horizontal="left" vertical="top"/>
    </xf>
    <xf numFmtId="37" fontId="38" fillId="0" borderId="1" xfId="0" applyNumberFormat="1" applyFont="1" applyFill="1" applyBorder="1" applyAlignment="1" applyProtection="1">
      <alignment horizontal="center" vertical="center"/>
    </xf>
    <xf numFmtId="0" fontId="39" fillId="0" borderId="1" xfId="1" applyFont="1" applyBorder="1" applyAlignment="1">
      <alignment horizontal="left" vertical="center" wrapText="1"/>
    </xf>
    <xf numFmtId="0" fontId="1" fillId="0" borderId="0" xfId="0" applyFont="1"/>
    <xf numFmtId="0" fontId="38" fillId="0" borderId="1" xfId="0" applyFont="1" applyFill="1" applyBorder="1" applyAlignment="1" applyProtection="1">
      <alignment horizontal="left" vertical="center" wrapText="1"/>
      <protection locked="0"/>
    </xf>
    <xf numFmtId="0" fontId="4" fillId="0" borderId="3" xfId="1" applyFont="1" applyBorder="1" applyAlignment="1">
      <alignment horizontal="center" vertical="center"/>
    </xf>
    <xf numFmtId="0" fontId="4" fillId="0" borderId="3" xfId="1" applyFont="1" applyBorder="1" applyAlignment="1">
      <alignment horizontal="center" vertical="center" wrapText="1"/>
    </xf>
    <xf numFmtId="0" fontId="38" fillId="0" borderId="4" xfId="0" applyFont="1" applyBorder="1" applyAlignment="1">
      <alignment horizontal="center" vertical="center"/>
    </xf>
    <xf numFmtId="0" fontId="38" fillId="0" borderId="4" xfId="1" applyFont="1" applyBorder="1" applyAlignment="1">
      <alignment horizontal="center" vertical="center"/>
    </xf>
    <xf numFmtId="0" fontId="38" fillId="0" borderId="4" xfId="1" applyFont="1" applyBorder="1" applyAlignment="1">
      <alignment horizontal="left" vertical="center" wrapText="1"/>
    </xf>
    <xf numFmtId="0" fontId="38" fillId="0" borderId="4" xfId="0" applyFont="1" applyFill="1" applyBorder="1" applyAlignment="1">
      <alignment horizontal="left" vertical="center" wrapText="1"/>
    </xf>
    <xf numFmtId="0" fontId="38" fillId="0" borderId="4" xfId="1" applyFont="1" applyBorder="1" applyAlignment="1">
      <alignment horizontal="center"/>
    </xf>
    <xf numFmtId="0" fontId="38" fillId="0" borderId="1" xfId="1" applyFont="1" applyBorder="1" applyAlignment="1">
      <alignment horizontal="center" vertical="center" wrapText="1"/>
    </xf>
    <xf numFmtId="0" fontId="45" fillId="0" borderId="1" xfId="0" applyFont="1" applyBorder="1" applyAlignment="1">
      <alignment horizontal="center" vertical="center" wrapText="1"/>
    </xf>
    <xf numFmtId="0" fontId="45" fillId="0" borderId="1" xfId="0" applyFont="1" applyFill="1" applyBorder="1" applyAlignment="1">
      <alignment horizontal="left" vertical="center" wrapText="1"/>
    </xf>
    <xf numFmtId="0" fontId="45" fillId="0" borderId="1" xfId="1" applyFont="1" applyBorder="1" applyAlignment="1">
      <alignment horizontal="center" vertical="center"/>
    </xf>
  </cellXfs>
  <cellStyles count="2">
    <cellStyle name="標準" xfId="0" builtinId="0"/>
    <cellStyle name="標準 2" xfId="1" xr:uid="{00000000-0005-0000-0000-00000100000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I562"/>
  <sheetViews>
    <sheetView tabSelected="1" view="pageBreakPreview" zoomScale="70" zoomScaleNormal="55" zoomScaleSheetLayoutView="70" workbookViewId="0">
      <pane ySplit="5" topLeftCell="A6" activePane="bottomLeft" state="frozen"/>
      <selection pane="bottomLeft" activeCell="K7" sqref="K7"/>
    </sheetView>
  </sheetViews>
  <sheetFormatPr defaultColWidth="9" defaultRowHeight="13.2"/>
  <cols>
    <col min="1" max="1" width="14.6640625" style="5" bestFit="1" customWidth="1"/>
    <col min="2" max="3" width="9" style="1"/>
    <col min="4" max="4" width="36.6640625" style="1" customWidth="1"/>
    <col min="5" max="5" width="9" style="1"/>
    <col min="6" max="6" width="36.6640625" style="1" customWidth="1"/>
    <col min="7" max="8" width="24.6640625" style="1" customWidth="1"/>
    <col min="9" max="9" width="12.6640625" style="1" customWidth="1"/>
    <col min="10" max="16384" width="9" style="1"/>
  </cols>
  <sheetData>
    <row r="1" spans="1:9" ht="27.9" customHeight="1" thickBot="1">
      <c r="A1" s="4" t="s">
        <v>349</v>
      </c>
      <c r="B1" s="6" t="s">
        <v>355</v>
      </c>
      <c r="F1" s="25"/>
    </row>
    <row r="2" spans="1:9" ht="19.2">
      <c r="B2" s="2" t="s">
        <v>356</v>
      </c>
    </row>
    <row r="3" spans="1:9" ht="19.2">
      <c r="B3" s="3" t="s">
        <v>350</v>
      </c>
    </row>
    <row r="4" spans="1:9" ht="19.2">
      <c r="B4" s="3" t="s">
        <v>351</v>
      </c>
      <c r="I4" s="22">
        <v>46001</v>
      </c>
    </row>
    <row r="5" spans="1:9" ht="27.75" customHeight="1" thickBot="1">
      <c r="A5" s="30" t="s">
        <v>354</v>
      </c>
      <c r="B5" s="30" t="s">
        <v>81</v>
      </c>
      <c r="C5" s="30" t="s">
        <v>6</v>
      </c>
      <c r="D5" s="30" t="s">
        <v>83</v>
      </c>
      <c r="E5" s="31" t="s">
        <v>934</v>
      </c>
      <c r="F5" s="30" t="s">
        <v>82</v>
      </c>
      <c r="G5" s="30" t="s">
        <v>347</v>
      </c>
      <c r="H5" s="30" t="s">
        <v>84</v>
      </c>
      <c r="I5" s="30" t="s">
        <v>85</v>
      </c>
    </row>
    <row r="6" spans="1:9" ht="27.6" customHeight="1" thickTop="1">
      <c r="A6" s="32" t="s">
        <v>352</v>
      </c>
      <c r="B6" s="33" t="s">
        <v>1202</v>
      </c>
      <c r="C6" s="33">
        <v>1</v>
      </c>
      <c r="D6" s="34" t="s">
        <v>1269</v>
      </c>
      <c r="E6" s="33" t="s">
        <v>991</v>
      </c>
      <c r="F6" s="34" t="s">
        <v>1214</v>
      </c>
      <c r="G6" s="34" t="s">
        <v>7</v>
      </c>
      <c r="H6" s="35" t="s">
        <v>470</v>
      </c>
      <c r="I6" s="36"/>
    </row>
    <row r="7" spans="1:9" ht="27.75" customHeight="1">
      <c r="A7" s="7" t="s">
        <v>352</v>
      </c>
      <c r="B7" s="20" t="s">
        <v>1202</v>
      </c>
      <c r="C7" s="20">
        <v>2</v>
      </c>
      <c r="D7" s="24" t="s">
        <v>1270</v>
      </c>
      <c r="E7" s="20" t="s">
        <v>992</v>
      </c>
      <c r="F7" s="24" t="s">
        <v>1215</v>
      </c>
      <c r="G7" s="24" t="s">
        <v>1060</v>
      </c>
      <c r="H7" s="10" t="s">
        <v>470</v>
      </c>
      <c r="I7" s="21"/>
    </row>
    <row r="8" spans="1:9" ht="27.75" customHeight="1">
      <c r="A8" s="7" t="s">
        <v>352</v>
      </c>
      <c r="B8" s="20" t="s">
        <v>1202</v>
      </c>
      <c r="C8" s="20">
        <v>3</v>
      </c>
      <c r="D8" s="24" t="s">
        <v>1271</v>
      </c>
      <c r="E8" s="20" t="s">
        <v>991</v>
      </c>
      <c r="F8" s="24" t="s">
        <v>1216</v>
      </c>
      <c r="G8" s="24" t="s">
        <v>1079</v>
      </c>
      <c r="H8" s="10" t="s">
        <v>470</v>
      </c>
      <c r="I8" s="21"/>
    </row>
    <row r="9" spans="1:9" ht="27.75" customHeight="1">
      <c r="A9" s="7" t="s">
        <v>352</v>
      </c>
      <c r="B9" s="20" t="s">
        <v>1202</v>
      </c>
      <c r="C9" s="20">
        <v>4</v>
      </c>
      <c r="D9" s="24" t="s">
        <v>1272</v>
      </c>
      <c r="E9" s="20" t="s">
        <v>992</v>
      </c>
      <c r="F9" s="24" t="s">
        <v>1217</v>
      </c>
      <c r="G9" s="24" t="s">
        <v>41</v>
      </c>
      <c r="H9" s="10" t="s">
        <v>470</v>
      </c>
      <c r="I9" s="21"/>
    </row>
    <row r="10" spans="1:9" ht="27.75" customHeight="1">
      <c r="A10" s="7" t="s">
        <v>352</v>
      </c>
      <c r="B10" s="20" t="s">
        <v>1202</v>
      </c>
      <c r="C10" s="20">
        <v>5</v>
      </c>
      <c r="D10" s="24" t="s">
        <v>1273</v>
      </c>
      <c r="E10" s="20" t="s">
        <v>991</v>
      </c>
      <c r="F10" s="24" t="s">
        <v>1218</v>
      </c>
      <c r="G10" s="24" t="s">
        <v>1079</v>
      </c>
      <c r="H10" s="10" t="s">
        <v>470</v>
      </c>
      <c r="I10" s="21"/>
    </row>
    <row r="11" spans="1:9" ht="27.75" customHeight="1">
      <c r="A11" s="7" t="s">
        <v>352</v>
      </c>
      <c r="B11" s="20" t="s">
        <v>1202</v>
      </c>
      <c r="C11" s="20">
        <v>6</v>
      </c>
      <c r="D11" s="24" t="s">
        <v>1274</v>
      </c>
      <c r="E11" s="20" t="s">
        <v>991</v>
      </c>
      <c r="F11" s="24" t="s">
        <v>1219</v>
      </c>
      <c r="G11" s="24" t="s">
        <v>1199</v>
      </c>
      <c r="H11" s="10" t="s">
        <v>470</v>
      </c>
      <c r="I11" s="21"/>
    </row>
    <row r="12" spans="1:9" ht="27.75" customHeight="1">
      <c r="A12" s="7" t="s">
        <v>352</v>
      </c>
      <c r="B12" s="20" t="s">
        <v>1202</v>
      </c>
      <c r="C12" s="20">
        <v>7</v>
      </c>
      <c r="D12" s="24" t="s">
        <v>1275</v>
      </c>
      <c r="E12" s="20" t="s">
        <v>991</v>
      </c>
      <c r="F12" s="24" t="s">
        <v>1220</v>
      </c>
      <c r="G12" s="24" t="s">
        <v>1203</v>
      </c>
      <c r="H12" s="10" t="s">
        <v>470</v>
      </c>
      <c r="I12" s="21"/>
    </row>
    <row r="13" spans="1:9" ht="27.75" customHeight="1">
      <c r="A13" s="7" t="s">
        <v>352</v>
      </c>
      <c r="B13" s="20" t="s">
        <v>1202</v>
      </c>
      <c r="C13" s="20">
        <v>8</v>
      </c>
      <c r="D13" s="24" t="s">
        <v>1276</v>
      </c>
      <c r="E13" s="20" t="s">
        <v>991</v>
      </c>
      <c r="F13" s="24" t="s">
        <v>1221</v>
      </c>
      <c r="G13" s="24" t="s">
        <v>118</v>
      </c>
      <c r="H13" s="10" t="s">
        <v>470</v>
      </c>
      <c r="I13" s="21"/>
    </row>
    <row r="14" spans="1:9" ht="27.75" customHeight="1">
      <c r="A14" s="7" t="s">
        <v>352</v>
      </c>
      <c r="B14" s="20" t="s">
        <v>1202</v>
      </c>
      <c r="C14" s="20">
        <v>9</v>
      </c>
      <c r="D14" s="24" t="s">
        <v>1246</v>
      </c>
      <c r="E14" s="20" t="s">
        <v>991</v>
      </c>
      <c r="F14" s="24" t="s">
        <v>1319</v>
      </c>
      <c r="G14" s="24" t="s">
        <v>34</v>
      </c>
      <c r="H14" s="10" t="s">
        <v>470</v>
      </c>
      <c r="I14" s="21"/>
    </row>
    <row r="15" spans="1:9" ht="27.75" customHeight="1">
      <c r="A15" s="7" t="s">
        <v>352</v>
      </c>
      <c r="B15" s="20" t="s">
        <v>1202</v>
      </c>
      <c r="C15" s="20">
        <v>10</v>
      </c>
      <c r="D15" s="24" t="s">
        <v>1277</v>
      </c>
      <c r="E15" s="20" t="s">
        <v>992</v>
      </c>
      <c r="F15" s="24" t="s">
        <v>1222</v>
      </c>
      <c r="G15" s="24" t="s">
        <v>1060</v>
      </c>
      <c r="H15" s="10" t="s">
        <v>470</v>
      </c>
      <c r="I15" s="21"/>
    </row>
    <row r="16" spans="1:9" ht="27.75" customHeight="1">
      <c r="A16" s="7" t="s">
        <v>352</v>
      </c>
      <c r="B16" s="20" t="s">
        <v>1202</v>
      </c>
      <c r="C16" s="20">
        <v>11</v>
      </c>
      <c r="D16" s="24" t="s">
        <v>1278</v>
      </c>
      <c r="E16" s="20" t="s">
        <v>991</v>
      </c>
      <c r="F16" s="24" t="s">
        <v>1223</v>
      </c>
      <c r="G16" s="24" t="s">
        <v>1204</v>
      </c>
      <c r="H16" s="10" t="s">
        <v>470</v>
      </c>
      <c r="I16" s="21"/>
    </row>
    <row r="17" spans="1:9" ht="27.75" customHeight="1">
      <c r="A17" s="7" t="s">
        <v>352</v>
      </c>
      <c r="B17" s="20" t="s">
        <v>1202</v>
      </c>
      <c r="C17" s="20">
        <v>12</v>
      </c>
      <c r="D17" s="24" t="s">
        <v>1279</v>
      </c>
      <c r="E17" s="20" t="s">
        <v>991</v>
      </c>
      <c r="F17" s="24" t="s">
        <v>1224</v>
      </c>
      <c r="G17" s="24" t="s">
        <v>1205</v>
      </c>
      <c r="H17" s="10" t="s">
        <v>470</v>
      </c>
      <c r="I17" s="21"/>
    </row>
    <row r="18" spans="1:9" ht="27.75" customHeight="1">
      <c r="A18" s="7" t="s">
        <v>352</v>
      </c>
      <c r="B18" s="20" t="s">
        <v>1202</v>
      </c>
      <c r="C18" s="20">
        <v>13</v>
      </c>
      <c r="D18" s="24" t="s">
        <v>1280</v>
      </c>
      <c r="E18" s="37" t="s">
        <v>1244</v>
      </c>
      <c r="F18" s="24" t="s">
        <v>1317</v>
      </c>
      <c r="G18" s="24" t="s">
        <v>1206</v>
      </c>
      <c r="H18" s="10" t="s">
        <v>470</v>
      </c>
      <c r="I18" s="21"/>
    </row>
    <row r="19" spans="1:9" ht="27.75" customHeight="1">
      <c r="A19" s="7" t="s">
        <v>352</v>
      </c>
      <c r="B19" s="20" t="s">
        <v>1202</v>
      </c>
      <c r="C19" s="20">
        <v>14</v>
      </c>
      <c r="D19" s="24" t="s">
        <v>1281</v>
      </c>
      <c r="E19" s="20" t="s">
        <v>991</v>
      </c>
      <c r="F19" s="24" t="s">
        <v>1225</v>
      </c>
      <c r="G19" s="24" t="s">
        <v>1199</v>
      </c>
      <c r="H19" s="10" t="s">
        <v>470</v>
      </c>
      <c r="I19" s="21"/>
    </row>
    <row r="20" spans="1:9" ht="27.75" customHeight="1">
      <c r="A20" s="7" t="s">
        <v>352</v>
      </c>
      <c r="B20" s="20" t="s">
        <v>1202</v>
      </c>
      <c r="C20" s="20">
        <v>15</v>
      </c>
      <c r="D20" s="24" t="s">
        <v>1306</v>
      </c>
      <c r="E20" s="20" t="s">
        <v>993</v>
      </c>
      <c r="F20" s="24" t="s">
        <v>1226</v>
      </c>
      <c r="G20" s="24" t="s">
        <v>1207</v>
      </c>
      <c r="H20" s="10" t="s">
        <v>470</v>
      </c>
      <c r="I20" s="21"/>
    </row>
    <row r="21" spans="1:9" ht="27.75" customHeight="1">
      <c r="A21" s="7" t="s">
        <v>352</v>
      </c>
      <c r="B21" s="20" t="s">
        <v>1202</v>
      </c>
      <c r="C21" s="20">
        <v>16</v>
      </c>
      <c r="D21" s="24" t="s">
        <v>745</v>
      </c>
      <c r="E21" s="20" t="s">
        <v>991</v>
      </c>
      <c r="F21" s="24" t="s">
        <v>1227</v>
      </c>
      <c r="G21" s="24" t="s">
        <v>1079</v>
      </c>
      <c r="H21" s="10" t="s">
        <v>470</v>
      </c>
      <c r="I21" s="21"/>
    </row>
    <row r="22" spans="1:9" ht="27.6" customHeight="1">
      <c r="A22" s="7" t="s">
        <v>352</v>
      </c>
      <c r="B22" s="20" t="s">
        <v>1202</v>
      </c>
      <c r="C22" s="20">
        <v>17</v>
      </c>
      <c r="D22" s="24" t="s">
        <v>1282</v>
      </c>
      <c r="E22" s="20" t="s">
        <v>1245</v>
      </c>
      <c r="F22" s="24" t="s">
        <v>1228</v>
      </c>
      <c r="G22" s="24" t="s">
        <v>1208</v>
      </c>
      <c r="H22" s="10" t="s">
        <v>470</v>
      </c>
      <c r="I22" s="21"/>
    </row>
    <row r="23" spans="1:9" ht="27.75" customHeight="1">
      <c r="A23" s="7" t="s">
        <v>352</v>
      </c>
      <c r="B23" s="20" t="s">
        <v>1202</v>
      </c>
      <c r="C23" s="20">
        <v>18</v>
      </c>
      <c r="D23" s="24" t="s">
        <v>1283</v>
      </c>
      <c r="E23" s="20" t="s">
        <v>993</v>
      </c>
      <c r="F23" s="24" t="s">
        <v>1030</v>
      </c>
      <c r="G23" s="24" t="s">
        <v>1209</v>
      </c>
      <c r="H23" s="10" t="s">
        <v>470</v>
      </c>
      <c r="I23" s="21"/>
    </row>
    <row r="24" spans="1:9" ht="27.75" customHeight="1">
      <c r="A24" s="7" t="s">
        <v>352</v>
      </c>
      <c r="B24" s="20" t="s">
        <v>1202</v>
      </c>
      <c r="C24" s="20">
        <v>19</v>
      </c>
      <c r="D24" s="24" t="s">
        <v>1284</v>
      </c>
      <c r="E24" s="20" t="s">
        <v>993</v>
      </c>
      <c r="F24" s="24" t="s">
        <v>1229</v>
      </c>
      <c r="G24" s="24" t="s">
        <v>1210</v>
      </c>
      <c r="H24" s="10" t="s">
        <v>470</v>
      </c>
      <c r="I24" s="21"/>
    </row>
    <row r="25" spans="1:9" ht="27.75" customHeight="1">
      <c r="A25" s="7" t="s">
        <v>352</v>
      </c>
      <c r="B25" s="20" t="s">
        <v>1202</v>
      </c>
      <c r="C25" s="20">
        <v>20</v>
      </c>
      <c r="D25" s="24" t="s">
        <v>1307</v>
      </c>
      <c r="E25" s="20" t="s">
        <v>991</v>
      </c>
      <c r="F25" s="24" t="s">
        <v>1230</v>
      </c>
      <c r="G25" s="24" t="s">
        <v>1205</v>
      </c>
      <c r="H25" s="10" t="s">
        <v>470</v>
      </c>
      <c r="I25" s="21"/>
    </row>
    <row r="26" spans="1:9" ht="27.75" customHeight="1">
      <c r="A26" s="7" t="s">
        <v>352</v>
      </c>
      <c r="B26" s="20" t="s">
        <v>1202</v>
      </c>
      <c r="C26" s="20">
        <v>21</v>
      </c>
      <c r="D26" s="24" t="s">
        <v>1285</v>
      </c>
      <c r="E26" s="20" t="s">
        <v>992</v>
      </c>
      <c r="F26" s="24" t="s">
        <v>1231</v>
      </c>
      <c r="G26" s="24" t="s">
        <v>1060</v>
      </c>
      <c r="H26" s="10" t="s">
        <v>470</v>
      </c>
      <c r="I26" s="21"/>
    </row>
    <row r="27" spans="1:9" ht="27.75" customHeight="1">
      <c r="A27" s="7" t="s">
        <v>352</v>
      </c>
      <c r="B27" s="20" t="s">
        <v>1202</v>
      </c>
      <c r="C27" s="20">
        <v>22</v>
      </c>
      <c r="D27" s="24" t="s">
        <v>1308</v>
      </c>
      <c r="E27" s="20" t="s">
        <v>991</v>
      </c>
      <c r="F27" s="24" t="s">
        <v>1232</v>
      </c>
      <c r="G27" s="24" t="s">
        <v>1205</v>
      </c>
      <c r="H27" s="10" t="s">
        <v>470</v>
      </c>
      <c r="I27" s="21"/>
    </row>
    <row r="28" spans="1:9" ht="27.75" customHeight="1">
      <c r="A28" s="7" t="s">
        <v>352</v>
      </c>
      <c r="B28" s="20" t="s">
        <v>1202</v>
      </c>
      <c r="C28" s="20">
        <v>23</v>
      </c>
      <c r="D28" s="24" t="s">
        <v>1286</v>
      </c>
      <c r="E28" s="20" t="s">
        <v>991</v>
      </c>
      <c r="F28" s="24" t="s">
        <v>1233</v>
      </c>
      <c r="G28" s="24" t="s">
        <v>1184</v>
      </c>
      <c r="H28" s="10" t="s">
        <v>470</v>
      </c>
      <c r="I28" s="21"/>
    </row>
    <row r="29" spans="1:9" ht="27.75" customHeight="1">
      <c r="A29" s="7" t="s">
        <v>352</v>
      </c>
      <c r="B29" s="20" t="s">
        <v>1202</v>
      </c>
      <c r="C29" s="20">
        <v>24</v>
      </c>
      <c r="D29" s="24" t="s">
        <v>1309</v>
      </c>
      <c r="E29" s="20" t="s">
        <v>993</v>
      </c>
      <c r="F29" s="24" t="s">
        <v>1234</v>
      </c>
      <c r="G29" s="24" t="s">
        <v>1211</v>
      </c>
      <c r="H29" s="10" t="s">
        <v>470</v>
      </c>
      <c r="I29" s="21"/>
    </row>
    <row r="30" spans="1:9" ht="27.75" customHeight="1">
      <c r="A30" s="7" t="s">
        <v>352</v>
      </c>
      <c r="B30" s="20" t="s">
        <v>1202</v>
      </c>
      <c r="C30" s="20">
        <v>25</v>
      </c>
      <c r="D30" s="24" t="s">
        <v>1287</v>
      </c>
      <c r="E30" s="20" t="s">
        <v>993</v>
      </c>
      <c r="F30" s="24" t="s">
        <v>1235</v>
      </c>
      <c r="G30" s="24" t="s">
        <v>1065</v>
      </c>
      <c r="H30" s="10" t="s">
        <v>470</v>
      </c>
      <c r="I30" s="21"/>
    </row>
    <row r="31" spans="1:9" ht="27.75" customHeight="1">
      <c r="A31" s="7" t="s">
        <v>352</v>
      </c>
      <c r="B31" s="20" t="s">
        <v>1202</v>
      </c>
      <c r="C31" s="20">
        <v>26</v>
      </c>
      <c r="D31" s="24" t="s">
        <v>1310</v>
      </c>
      <c r="E31" s="20" t="s">
        <v>991</v>
      </c>
      <c r="F31" s="24" t="s">
        <v>1236</v>
      </c>
      <c r="G31" s="24" t="s">
        <v>1205</v>
      </c>
      <c r="H31" s="10" t="s">
        <v>470</v>
      </c>
      <c r="I31" s="21"/>
    </row>
    <row r="32" spans="1:9" ht="27.75" customHeight="1">
      <c r="A32" s="7" t="s">
        <v>352</v>
      </c>
      <c r="B32" s="20" t="s">
        <v>1202</v>
      </c>
      <c r="C32" s="20">
        <v>27</v>
      </c>
      <c r="D32" s="24" t="s">
        <v>1311</v>
      </c>
      <c r="E32" s="20" t="s">
        <v>993</v>
      </c>
      <c r="F32" s="24" t="s">
        <v>1237</v>
      </c>
      <c r="G32" s="24" t="s">
        <v>1061</v>
      </c>
      <c r="H32" s="10" t="s">
        <v>470</v>
      </c>
      <c r="I32" s="21"/>
    </row>
    <row r="33" spans="1:9" ht="27.75" customHeight="1">
      <c r="A33" s="7" t="s">
        <v>352</v>
      </c>
      <c r="B33" s="20" t="s">
        <v>1202</v>
      </c>
      <c r="C33" s="20">
        <v>28</v>
      </c>
      <c r="D33" s="24" t="s">
        <v>1288</v>
      </c>
      <c r="E33" s="20" t="s">
        <v>992</v>
      </c>
      <c r="F33" s="24" t="s">
        <v>1238</v>
      </c>
      <c r="G33" s="24" t="s">
        <v>1056</v>
      </c>
      <c r="H33" s="10" t="s">
        <v>470</v>
      </c>
      <c r="I33" s="21"/>
    </row>
    <row r="34" spans="1:9" ht="27.75" customHeight="1">
      <c r="A34" s="7" t="s">
        <v>352</v>
      </c>
      <c r="B34" s="20" t="s">
        <v>1202</v>
      </c>
      <c r="C34" s="20">
        <v>29</v>
      </c>
      <c r="D34" s="24" t="s">
        <v>1312</v>
      </c>
      <c r="E34" s="20" t="s">
        <v>991</v>
      </c>
      <c r="F34" s="24" t="s">
        <v>1239</v>
      </c>
      <c r="G34" s="24" t="s">
        <v>1212</v>
      </c>
      <c r="H34" s="10" t="s">
        <v>470</v>
      </c>
      <c r="I34" s="21"/>
    </row>
    <row r="35" spans="1:9" ht="27.75" customHeight="1">
      <c r="A35" s="7" t="s">
        <v>352</v>
      </c>
      <c r="B35" s="20" t="s">
        <v>1202</v>
      </c>
      <c r="C35" s="20">
        <v>30</v>
      </c>
      <c r="D35" s="24" t="s">
        <v>1289</v>
      </c>
      <c r="E35" s="20" t="s">
        <v>992</v>
      </c>
      <c r="F35" s="24" t="s">
        <v>1240</v>
      </c>
      <c r="G35" s="24" t="s">
        <v>1213</v>
      </c>
      <c r="H35" s="10" t="s">
        <v>470</v>
      </c>
      <c r="I35" s="21"/>
    </row>
    <row r="36" spans="1:9" ht="27.75" customHeight="1">
      <c r="A36" s="7" t="s">
        <v>352</v>
      </c>
      <c r="B36" s="20" t="s">
        <v>1202</v>
      </c>
      <c r="C36" s="20">
        <v>31</v>
      </c>
      <c r="D36" s="24" t="s">
        <v>1290</v>
      </c>
      <c r="E36" s="20" t="s">
        <v>991</v>
      </c>
      <c r="F36" s="24" t="s">
        <v>1241</v>
      </c>
      <c r="G36" s="24" t="s">
        <v>34</v>
      </c>
      <c r="H36" s="10" t="s">
        <v>470</v>
      </c>
      <c r="I36" s="21"/>
    </row>
    <row r="37" spans="1:9" ht="27.75" customHeight="1">
      <c r="A37" s="7" t="s">
        <v>352</v>
      </c>
      <c r="B37" s="20" t="s">
        <v>1202</v>
      </c>
      <c r="C37" s="20">
        <v>32</v>
      </c>
      <c r="D37" s="24" t="s">
        <v>1291</v>
      </c>
      <c r="E37" s="20" t="s">
        <v>991</v>
      </c>
      <c r="F37" s="24" t="s">
        <v>1242</v>
      </c>
      <c r="G37" s="24" t="s">
        <v>1204</v>
      </c>
      <c r="H37" s="10" t="s">
        <v>470</v>
      </c>
      <c r="I37" s="21"/>
    </row>
    <row r="38" spans="1:9" ht="27.6" customHeight="1">
      <c r="A38" s="7" t="s">
        <v>352</v>
      </c>
      <c r="B38" s="20" t="s">
        <v>1202</v>
      </c>
      <c r="C38" s="20">
        <v>33</v>
      </c>
      <c r="D38" s="24" t="s">
        <v>1292</v>
      </c>
      <c r="E38" s="20" t="s">
        <v>991</v>
      </c>
      <c r="F38" s="27" t="s">
        <v>1243</v>
      </c>
      <c r="G38" s="24" t="s">
        <v>34</v>
      </c>
      <c r="H38" s="10" t="s">
        <v>470</v>
      </c>
      <c r="I38" s="21"/>
    </row>
    <row r="39" spans="1:9" ht="27.75" customHeight="1">
      <c r="A39" s="7" t="s">
        <v>352</v>
      </c>
      <c r="B39" s="20" t="s">
        <v>1202</v>
      </c>
      <c r="C39" s="20">
        <v>1</v>
      </c>
      <c r="D39" s="24" t="s">
        <v>1293</v>
      </c>
      <c r="E39" s="20" t="s">
        <v>991</v>
      </c>
      <c r="F39" s="24" t="s">
        <v>1248</v>
      </c>
      <c r="G39" s="24" t="s">
        <v>1163</v>
      </c>
      <c r="H39" s="10" t="s">
        <v>310</v>
      </c>
      <c r="I39" s="21"/>
    </row>
    <row r="40" spans="1:9" ht="27.75" customHeight="1">
      <c r="A40" s="7" t="s">
        <v>352</v>
      </c>
      <c r="B40" s="20" t="s">
        <v>1202</v>
      </c>
      <c r="C40" s="20">
        <v>2</v>
      </c>
      <c r="D40" s="24" t="s">
        <v>588</v>
      </c>
      <c r="E40" s="20" t="s">
        <v>991</v>
      </c>
      <c r="F40" s="24" t="s">
        <v>1249</v>
      </c>
      <c r="G40" s="24" t="s">
        <v>1265</v>
      </c>
      <c r="H40" s="10" t="s">
        <v>310</v>
      </c>
      <c r="I40" s="21"/>
    </row>
    <row r="41" spans="1:9" ht="27.75" customHeight="1">
      <c r="A41" s="7" t="s">
        <v>352</v>
      </c>
      <c r="B41" s="20" t="s">
        <v>1202</v>
      </c>
      <c r="C41" s="20">
        <v>3</v>
      </c>
      <c r="D41" s="24" t="s">
        <v>1294</v>
      </c>
      <c r="E41" s="20" t="s">
        <v>991</v>
      </c>
      <c r="F41" s="24" t="s">
        <v>1250</v>
      </c>
      <c r="G41" s="24" t="s">
        <v>1199</v>
      </c>
      <c r="H41" s="10" t="s">
        <v>310</v>
      </c>
      <c r="I41" s="21"/>
    </row>
    <row r="42" spans="1:9" ht="27.75" customHeight="1">
      <c r="A42" s="7" t="s">
        <v>352</v>
      </c>
      <c r="B42" s="20" t="s">
        <v>1202</v>
      </c>
      <c r="C42" s="20">
        <v>4</v>
      </c>
      <c r="D42" s="24" t="s">
        <v>1295</v>
      </c>
      <c r="E42" s="20" t="s">
        <v>991</v>
      </c>
      <c r="F42" s="24" t="s">
        <v>1251</v>
      </c>
      <c r="G42" s="24" t="s">
        <v>99</v>
      </c>
      <c r="H42" s="10" t="s">
        <v>310</v>
      </c>
      <c r="I42" s="21"/>
    </row>
    <row r="43" spans="1:9" ht="27.75" customHeight="1">
      <c r="A43" s="7" t="s">
        <v>352</v>
      </c>
      <c r="B43" s="20" t="s">
        <v>1202</v>
      </c>
      <c r="C43" s="20">
        <v>5</v>
      </c>
      <c r="D43" s="24" t="s">
        <v>1296</v>
      </c>
      <c r="E43" s="20" t="s">
        <v>992</v>
      </c>
      <c r="F43" s="24" t="s">
        <v>1252</v>
      </c>
      <c r="G43" s="24" t="s">
        <v>41</v>
      </c>
      <c r="H43" s="10" t="s">
        <v>310</v>
      </c>
      <c r="I43" s="21"/>
    </row>
    <row r="44" spans="1:9" ht="27.75" customHeight="1">
      <c r="A44" s="7" t="s">
        <v>352</v>
      </c>
      <c r="B44" s="20" t="s">
        <v>1202</v>
      </c>
      <c r="C44" s="20">
        <v>6</v>
      </c>
      <c r="D44" s="24" t="s">
        <v>1316</v>
      </c>
      <c r="E44" s="20" t="s">
        <v>991</v>
      </c>
      <c r="F44" s="24" t="s">
        <v>1318</v>
      </c>
      <c r="G44" s="24" t="s">
        <v>1266</v>
      </c>
      <c r="H44" s="10" t="s">
        <v>310</v>
      </c>
      <c r="I44" s="21"/>
    </row>
    <row r="45" spans="1:9" ht="27.75" customHeight="1">
      <c r="A45" s="7" t="s">
        <v>352</v>
      </c>
      <c r="B45" s="20" t="s">
        <v>1202</v>
      </c>
      <c r="C45" s="20">
        <v>7</v>
      </c>
      <c r="D45" s="24" t="s">
        <v>1313</v>
      </c>
      <c r="E45" s="20" t="s">
        <v>991</v>
      </c>
      <c r="F45" s="24" t="s">
        <v>1253</v>
      </c>
      <c r="G45" s="24" t="s">
        <v>1070</v>
      </c>
      <c r="H45" s="10" t="s">
        <v>310</v>
      </c>
      <c r="I45" s="21"/>
    </row>
    <row r="46" spans="1:9" ht="27.75" customHeight="1">
      <c r="A46" s="7" t="s">
        <v>352</v>
      </c>
      <c r="B46" s="20" t="s">
        <v>1202</v>
      </c>
      <c r="C46" s="20">
        <v>8</v>
      </c>
      <c r="D46" s="24" t="s">
        <v>1297</v>
      </c>
      <c r="E46" s="20" t="s">
        <v>1245</v>
      </c>
      <c r="F46" s="24" t="s">
        <v>1254</v>
      </c>
      <c r="G46" s="24" t="s">
        <v>1049</v>
      </c>
      <c r="H46" s="10" t="s">
        <v>310</v>
      </c>
      <c r="I46" s="21"/>
    </row>
    <row r="47" spans="1:9" ht="27.75" customHeight="1">
      <c r="A47" s="7" t="s">
        <v>352</v>
      </c>
      <c r="B47" s="20" t="s">
        <v>1202</v>
      </c>
      <c r="C47" s="20">
        <v>9</v>
      </c>
      <c r="D47" s="24" t="s">
        <v>1298</v>
      </c>
      <c r="E47" s="20" t="s">
        <v>991</v>
      </c>
      <c r="F47" s="24" t="s">
        <v>1255</v>
      </c>
      <c r="G47" s="24" t="s">
        <v>44</v>
      </c>
      <c r="H47" s="10" t="s">
        <v>310</v>
      </c>
      <c r="I47" s="21"/>
    </row>
    <row r="48" spans="1:9" ht="27.75" customHeight="1">
      <c r="A48" s="7" t="s">
        <v>352</v>
      </c>
      <c r="B48" s="20" t="s">
        <v>1202</v>
      </c>
      <c r="C48" s="20">
        <v>10</v>
      </c>
      <c r="D48" s="24" t="s">
        <v>1314</v>
      </c>
      <c r="E48" s="20" t="s">
        <v>991</v>
      </c>
      <c r="F48" s="24" t="s">
        <v>1256</v>
      </c>
      <c r="G48" s="24" t="s">
        <v>1199</v>
      </c>
      <c r="H48" s="10" t="s">
        <v>310</v>
      </c>
      <c r="I48" s="21"/>
    </row>
    <row r="49" spans="1:9" ht="27.75" customHeight="1">
      <c r="A49" s="7" t="s">
        <v>352</v>
      </c>
      <c r="B49" s="20" t="s">
        <v>1202</v>
      </c>
      <c r="C49" s="20">
        <v>11</v>
      </c>
      <c r="D49" s="24" t="s">
        <v>1247</v>
      </c>
      <c r="E49" s="20" t="s">
        <v>991</v>
      </c>
      <c r="F49" s="24" t="s">
        <v>1257</v>
      </c>
      <c r="G49" s="24" t="s">
        <v>7</v>
      </c>
      <c r="H49" s="10" t="s">
        <v>310</v>
      </c>
      <c r="I49" s="21"/>
    </row>
    <row r="50" spans="1:9" ht="27.75" customHeight="1">
      <c r="A50" s="7" t="s">
        <v>352</v>
      </c>
      <c r="B50" s="20" t="s">
        <v>1202</v>
      </c>
      <c r="C50" s="20">
        <v>12</v>
      </c>
      <c r="D50" s="24" t="s">
        <v>1299</v>
      </c>
      <c r="E50" s="20" t="s">
        <v>991</v>
      </c>
      <c r="F50" s="24" t="s">
        <v>1258</v>
      </c>
      <c r="G50" s="24" t="s">
        <v>1079</v>
      </c>
      <c r="H50" s="10" t="s">
        <v>310</v>
      </c>
      <c r="I50" s="21"/>
    </row>
    <row r="51" spans="1:9" ht="27.75" customHeight="1">
      <c r="A51" s="7" t="s">
        <v>352</v>
      </c>
      <c r="B51" s="20" t="s">
        <v>1202</v>
      </c>
      <c r="C51" s="20">
        <v>13</v>
      </c>
      <c r="D51" s="24" t="s">
        <v>1300</v>
      </c>
      <c r="E51" s="20" t="s">
        <v>991</v>
      </c>
      <c r="F51" s="24" t="s">
        <v>1259</v>
      </c>
      <c r="G51" s="24" t="s">
        <v>99</v>
      </c>
      <c r="H51" s="10" t="s">
        <v>310</v>
      </c>
      <c r="I51" s="21"/>
    </row>
    <row r="52" spans="1:9" ht="27.75" customHeight="1">
      <c r="A52" s="7" t="s">
        <v>352</v>
      </c>
      <c r="B52" s="20" t="s">
        <v>1202</v>
      </c>
      <c r="C52" s="20">
        <v>14</v>
      </c>
      <c r="D52" s="24" t="s">
        <v>1301</v>
      </c>
      <c r="E52" s="20" t="s">
        <v>992</v>
      </c>
      <c r="F52" s="24" t="s">
        <v>1260</v>
      </c>
      <c r="G52" s="24" t="s">
        <v>8</v>
      </c>
      <c r="H52" s="10" t="s">
        <v>310</v>
      </c>
      <c r="I52" s="21"/>
    </row>
    <row r="53" spans="1:9" ht="27.75" customHeight="1">
      <c r="A53" s="7" t="s">
        <v>352</v>
      </c>
      <c r="B53" s="20" t="s">
        <v>1202</v>
      </c>
      <c r="C53" s="20">
        <v>15</v>
      </c>
      <c r="D53" s="24" t="s">
        <v>1302</v>
      </c>
      <c r="E53" s="20" t="s">
        <v>991</v>
      </c>
      <c r="F53" s="24" t="s">
        <v>1261</v>
      </c>
      <c r="G53" s="24" t="s">
        <v>1199</v>
      </c>
      <c r="H53" s="10" t="s">
        <v>310</v>
      </c>
      <c r="I53" s="21"/>
    </row>
    <row r="54" spans="1:9" ht="27.6" customHeight="1">
      <c r="A54" s="7" t="s">
        <v>352</v>
      </c>
      <c r="B54" s="20" t="s">
        <v>1202</v>
      </c>
      <c r="C54" s="20">
        <v>16</v>
      </c>
      <c r="D54" s="24" t="s">
        <v>1303</v>
      </c>
      <c r="E54" s="20" t="s">
        <v>991</v>
      </c>
      <c r="F54" s="24" t="s">
        <v>1320</v>
      </c>
      <c r="G54" s="24" t="s">
        <v>1066</v>
      </c>
      <c r="H54" s="10" t="s">
        <v>310</v>
      </c>
      <c r="I54" s="21"/>
    </row>
    <row r="55" spans="1:9" ht="27.75" customHeight="1">
      <c r="A55" s="7" t="s">
        <v>352</v>
      </c>
      <c r="B55" s="20" t="s">
        <v>1202</v>
      </c>
      <c r="C55" s="20">
        <v>17</v>
      </c>
      <c r="D55" s="24" t="s">
        <v>1304</v>
      </c>
      <c r="E55" s="20" t="s">
        <v>991</v>
      </c>
      <c r="F55" s="24" t="s">
        <v>1262</v>
      </c>
      <c r="G55" s="24" t="s">
        <v>1267</v>
      </c>
      <c r="H55" s="10" t="s">
        <v>310</v>
      </c>
      <c r="I55" s="21"/>
    </row>
    <row r="56" spans="1:9" ht="27.75" customHeight="1">
      <c r="A56" s="7" t="s">
        <v>352</v>
      </c>
      <c r="B56" s="20" t="s">
        <v>1202</v>
      </c>
      <c r="C56" s="20">
        <v>18</v>
      </c>
      <c r="D56" s="24" t="s">
        <v>1315</v>
      </c>
      <c r="E56" s="20" t="s">
        <v>991</v>
      </c>
      <c r="F56" s="24" t="s">
        <v>1263</v>
      </c>
      <c r="G56" s="24" t="s">
        <v>1268</v>
      </c>
      <c r="H56" s="10" t="s">
        <v>310</v>
      </c>
      <c r="I56" s="21"/>
    </row>
    <row r="57" spans="1:9" ht="27.6" customHeight="1">
      <c r="A57" s="7" t="s">
        <v>352</v>
      </c>
      <c r="B57" s="20" t="s">
        <v>1202</v>
      </c>
      <c r="C57" s="20">
        <v>19</v>
      </c>
      <c r="D57" s="24" t="s">
        <v>1305</v>
      </c>
      <c r="E57" s="20" t="s">
        <v>991</v>
      </c>
      <c r="F57" s="24" t="s">
        <v>1264</v>
      </c>
      <c r="G57" s="24" t="s">
        <v>1079</v>
      </c>
      <c r="H57" s="10" t="s">
        <v>310</v>
      </c>
      <c r="I57" s="21"/>
    </row>
    <row r="58" spans="1:9" ht="27.75" customHeight="1">
      <c r="A58" s="7" t="s">
        <v>352</v>
      </c>
      <c r="B58" s="20" t="s">
        <v>935</v>
      </c>
      <c r="C58" s="40">
        <v>1</v>
      </c>
      <c r="D58" s="24" t="s">
        <v>959</v>
      </c>
      <c r="E58" s="20" t="s">
        <v>991</v>
      </c>
      <c r="F58" s="24" t="s">
        <v>1016</v>
      </c>
      <c r="G58" s="24" t="s">
        <v>7</v>
      </c>
      <c r="H58" s="10" t="s">
        <v>470</v>
      </c>
      <c r="I58" s="21"/>
    </row>
    <row r="59" spans="1:9" ht="27.75" customHeight="1">
      <c r="A59" s="7" t="s">
        <v>352</v>
      </c>
      <c r="B59" s="20" t="s">
        <v>935</v>
      </c>
      <c r="C59" s="40">
        <v>2</v>
      </c>
      <c r="D59" s="24" t="s">
        <v>960</v>
      </c>
      <c r="E59" s="20" t="s">
        <v>991</v>
      </c>
      <c r="F59" s="24" t="s">
        <v>1017</v>
      </c>
      <c r="G59" s="24" t="s">
        <v>4</v>
      </c>
      <c r="H59" s="10" t="s">
        <v>470</v>
      </c>
      <c r="I59" s="21"/>
    </row>
    <row r="60" spans="1:9" ht="27.75" customHeight="1">
      <c r="A60" s="7" t="s">
        <v>352</v>
      </c>
      <c r="B60" s="20" t="s">
        <v>935</v>
      </c>
      <c r="C60" s="40">
        <v>3</v>
      </c>
      <c r="D60" s="24" t="s">
        <v>961</v>
      </c>
      <c r="E60" s="20" t="s">
        <v>991</v>
      </c>
      <c r="F60" s="24" t="s">
        <v>1018</v>
      </c>
      <c r="G60" s="24" t="s">
        <v>1193</v>
      </c>
      <c r="H60" s="10" t="s">
        <v>470</v>
      </c>
      <c r="I60" s="21"/>
    </row>
    <row r="61" spans="1:9" ht="27.75" customHeight="1">
      <c r="A61" s="7" t="s">
        <v>352</v>
      </c>
      <c r="B61" s="20" t="s">
        <v>935</v>
      </c>
      <c r="C61" s="40">
        <v>4</v>
      </c>
      <c r="D61" s="24" t="s">
        <v>962</v>
      </c>
      <c r="E61" s="20" t="s">
        <v>991</v>
      </c>
      <c r="F61" s="24" t="s">
        <v>1019</v>
      </c>
      <c r="G61" s="24" t="s">
        <v>44</v>
      </c>
      <c r="H61" s="10" t="s">
        <v>470</v>
      </c>
      <c r="I61" s="21"/>
    </row>
    <row r="62" spans="1:9" ht="27.75" customHeight="1">
      <c r="A62" s="7" t="s">
        <v>352</v>
      </c>
      <c r="B62" s="20" t="s">
        <v>935</v>
      </c>
      <c r="C62" s="40">
        <v>5</v>
      </c>
      <c r="D62" s="24" t="s">
        <v>963</v>
      </c>
      <c r="E62" s="20" t="s">
        <v>991</v>
      </c>
      <c r="F62" s="24" t="s">
        <v>1020</v>
      </c>
      <c r="G62" s="24" t="s">
        <v>1194</v>
      </c>
      <c r="H62" s="10" t="s">
        <v>470</v>
      </c>
      <c r="I62" s="21"/>
    </row>
    <row r="63" spans="1:9" ht="27.75" customHeight="1">
      <c r="A63" s="7" t="s">
        <v>352</v>
      </c>
      <c r="B63" s="20" t="s">
        <v>935</v>
      </c>
      <c r="C63" s="40">
        <v>6</v>
      </c>
      <c r="D63" s="24" t="s">
        <v>964</v>
      </c>
      <c r="E63" s="20" t="s">
        <v>991</v>
      </c>
      <c r="F63" s="24" t="s">
        <v>1021</v>
      </c>
      <c r="G63" s="24" t="s">
        <v>1050</v>
      </c>
      <c r="H63" s="10" t="s">
        <v>470</v>
      </c>
      <c r="I63" s="21"/>
    </row>
    <row r="64" spans="1:9" ht="27.75" customHeight="1">
      <c r="A64" s="7" t="s">
        <v>352</v>
      </c>
      <c r="B64" s="20" t="s">
        <v>935</v>
      </c>
      <c r="C64" s="40">
        <v>7</v>
      </c>
      <c r="D64" s="24" t="s">
        <v>823</v>
      </c>
      <c r="E64" s="20" t="s">
        <v>991</v>
      </c>
      <c r="F64" s="24" t="s">
        <v>1022</v>
      </c>
      <c r="G64" s="24" t="s">
        <v>1079</v>
      </c>
      <c r="H64" s="10" t="s">
        <v>470</v>
      </c>
      <c r="I64" s="21"/>
    </row>
    <row r="65" spans="1:9" ht="27.75" customHeight="1">
      <c r="A65" s="7" t="s">
        <v>352</v>
      </c>
      <c r="B65" s="20" t="s">
        <v>935</v>
      </c>
      <c r="C65" s="40">
        <v>8</v>
      </c>
      <c r="D65" s="24" t="s">
        <v>965</v>
      </c>
      <c r="E65" s="20" t="s">
        <v>991</v>
      </c>
      <c r="F65" s="24" t="s">
        <v>1023</v>
      </c>
      <c r="G65" s="24" t="s">
        <v>1199</v>
      </c>
      <c r="H65" s="10" t="s">
        <v>470</v>
      </c>
      <c r="I65" s="21"/>
    </row>
    <row r="66" spans="1:9" ht="27.75" customHeight="1">
      <c r="A66" s="7" t="s">
        <v>352</v>
      </c>
      <c r="B66" s="20" t="s">
        <v>935</v>
      </c>
      <c r="C66" s="40">
        <v>9</v>
      </c>
      <c r="D66" s="24" t="s">
        <v>966</v>
      </c>
      <c r="E66" s="20" t="s">
        <v>991</v>
      </c>
      <c r="F66" s="24" t="s">
        <v>1024</v>
      </c>
      <c r="G66" s="24" t="s">
        <v>7</v>
      </c>
      <c r="H66" s="10" t="s">
        <v>470</v>
      </c>
      <c r="I66" s="21"/>
    </row>
    <row r="67" spans="1:9" ht="27.6" customHeight="1">
      <c r="A67" s="7" t="s">
        <v>352</v>
      </c>
      <c r="B67" s="20" t="s">
        <v>935</v>
      </c>
      <c r="C67" s="40">
        <v>10</v>
      </c>
      <c r="D67" s="24" t="s">
        <v>967</v>
      </c>
      <c r="E67" s="20" t="s">
        <v>991</v>
      </c>
      <c r="F67" s="27" t="s">
        <v>1025</v>
      </c>
      <c r="G67" s="24" t="s">
        <v>1195</v>
      </c>
      <c r="H67" s="10" t="s">
        <v>470</v>
      </c>
      <c r="I67" s="21"/>
    </row>
    <row r="68" spans="1:9" ht="27.75" customHeight="1">
      <c r="A68" s="7" t="s">
        <v>352</v>
      </c>
      <c r="B68" s="20" t="s">
        <v>935</v>
      </c>
      <c r="C68" s="40">
        <v>11</v>
      </c>
      <c r="D68" s="24" t="s">
        <v>968</v>
      </c>
      <c r="E68" s="20" t="s">
        <v>993</v>
      </c>
      <c r="F68" s="24" t="s">
        <v>1026</v>
      </c>
      <c r="G68" s="24" t="s">
        <v>1</v>
      </c>
      <c r="H68" s="39" t="s">
        <v>470</v>
      </c>
      <c r="I68" s="21"/>
    </row>
    <row r="69" spans="1:9" ht="27.75" customHeight="1">
      <c r="A69" s="7" t="s">
        <v>352</v>
      </c>
      <c r="B69" s="20" t="s">
        <v>935</v>
      </c>
      <c r="C69" s="40">
        <v>12</v>
      </c>
      <c r="D69" s="24" t="s">
        <v>969</v>
      </c>
      <c r="E69" s="20" t="s">
        <v>991</v>
      </c>
      <c r="F69" s="24" t="s">
        <v>1027</v>
      </c>
      <c r="G69" s="24" t="s">
        <v>1079</v>
      </c>
      <c r="H69" s="39" t="s">
        <v>470</v>
      </c>
      <c r="I69" s="21"/>
    </row>
    <row r="70" spans="1:9" ht="27.75" customHeight="1">
      <c r="A70" s="7" t="s">
        <v>352</v>
      </c>
      <c r="B70" s="20" t="s">
        <v>935</v>
      </c>
      <c r="C70" s="40">
        <v>13</v>
      </c>
      <c r="D70" s="24" t="s">
        <v>970</v>
      </c>
      <c r="E70" s="20" t="s">
        <v>991</v>
      </c>
      <c r="F70" s="24" t="s">
        <v>1028</v>
      </c>
      <c r="G70" s="24" t="s">
        <v>1051</v>
      </c>
      <c r="H70" s="39" t="s">
        <v>470</v>
      </c>
      <c r="I70" s="21"/>
    </row>
    <row r="71" spans="1:9" ht="27.75" customHeight="1">
      <c r="A71" s="7" t="s">
        <v>352</v>
      </c>
      <c r="B71" s="20" t="s">
        <v>935</v>
      </c>
      <c r="C71" s="40">
        <v>14</v>
      </c>
      <c r="D71" s="24" t="s">
        <v>971</v>
      </c>
      <c r="E71" s="20" t="s">
        <v>991</v>
      </c>
      <c r="F71" s="24" t="s">
        <v>1029</v>
      </c>
      <c r="G71" s="24" t="s">
        <v>1079</v>
      </c>
      <c r="H71" s="39" t="s">
        <v>470</v>
      </c>
      <c r="I71" s="21"/>
    </row>
    <row r="72" spans="1:9" ht="27.75" customHeight="1">
      <c r="A72" s="7" t="s">
        <v>352</v>
      </c>
      <c r="B72" s="20" t="s">
        <v>935</v>
      </c>
      <c r="C72" s="40">
        <v>15</v>
      </c>
      <c r="D72" s="24" t="s">
        <v>972</v>
      </c>
      <c r="E72" s="20" t="s">
        <v>993</v>
      </c>
      <c r="F72" s="24" t="s">
        <v>1030</v>
      </c>
      <c r="G72" s="24" t="s">
        <v>1058</v>
      </c>
      <c r="H72" s="39" t="s">
        <v>470</v>
      </c>
      <c r="I72" s="21"/>
    </row>
    <row r="73" spans="1:9" ht="27.75" customHeight="1">
      <c r="A73" s="7" t="s">
        <v>352</v>
      </c>
      <c r="B73" s="20" t="s">
        <v>935</v>
      </c>
      <c r="C73" s="40">
        <v>16</v>
      </c>
      <c r="D73" s="24" t="s">
        <v>973</v>
      </c>
      <c r="E73" s="20" t="s">
        <v>991</v>
      </c>
      <c r="F73" s="24" t="s">
        <v>1031</v>
      </c>
      <c r="G73" s="24" t="s">
        <v>1079</v>
      </c>
      <c r="H73" s="39" t="s">
        <v>470</v>
      </c>
      <c r="I73" s="21"/>
    </row>
    <row r="74" spans="1:9" ht="27.75" customHeight="1">
      <c r="A74" s="7" t="s">
        <v>352</v>
      </c>
      <c r="B74" s="20" t="s">
        <v>935</v>
      </c>
      <c r="C74" s="40">
        <v>17</v>
      </c>
      <c r="D74" s="24" t="s">
        <v>974</v>
      </c>
      <c r="E74" s="20" t="s">
        <v>991</v>
      </c>
      <c r="F74" s="24" t="s">
        <v>1032</v>
      </c>
      <c r="G74" s="24" t="s">
        <v>1191</v>
      </c>
      <c r="H74" s="39" t="s">
        <v>470</v>
      </c>
      <c r="I74" s="21"/>
    </row>
    <row r="75" spans="1:9" ht="27.75" customHeight="1">
      <c r="A75" s="7" t="s">
        <v>352</v>
      </c>
      <c r="B75" s="20" t="s">
        <v>935</v>
      </c>
      <c r="C75" s="40">
        <v>18</v>
      </c>
      <c r="D75" s="24" t="s">
        <v>975</v>
      </c>
      <c r="E75" s="20" t="s">
        <v>993</v>
      </c>
      <c r="F75" s="24" t="s">
        <v>1033</v>
      </c>
      <c r="G75" s="24" t="s">
        <v>1059</v>
      </c>
      <c r="H75" s="39" t="s">
        <v>470</v>
      </c>
      <c r="I75" s="21"/>
    </row>
    <row r="76" spans="1:9" ht="27.75" customHeight="1">
      <c r="A76" s="7" t="s">
        <v>352</v>
      </c>
      <c r="B76" s="20" t="s">
        <v>935</v>
      </c>
      <c r="C76" s="40">
        <v>19</v>
      </c>
      <c r="D76" s="24" t="s">
        <v>976</v>
      </c>
      <c r="E76" s="20" t="s">
        <v>993</v>
      </c>
      <c r="F76" s="24" t="s">
        <v>1034</v>
      </c>
      <c r="G76" s="24" t="s">
        <v>1085</v>
      </c>
      <c r="H76" s="39" t="s">
        <v>470</v>
      </c>
      <c r="I76" s="21"/>
    </row>
    <row r="77" spans="1:9" ht="27.75" customHeight="1">
      <c r="A77" s="7" t="s">
        <v>352</v>
      </c>
      <c r="B77" s="20" t="s">
        <v>935</v>
      </c>
      <c r="C77" s="40">
        <v>20</v>
      </c>
      <c r="D77" s="24" t="s">
        <v>977</v>
      </c>
      <c r="E77" s="20" t="s">
        <v>991</v>
      </c>
      <c r="F77" s="24" t="s">
        <v>1035</v>
      </c>
      <c r="G77" s="24" t="s">
        <v>7</v>
      </c>
      <c r="H77" s="39" t="s">
        <v>470</v>
      </c>
      <c r="I77" s="21"/>
    </row>
    <row r="78" spans="1:9" ht="27.75" customHeight="1">
      <c r="A78" s="7" t="s">
        <v>352</v>
      </c>
      <c r="B78" s="20" t="s">
        <v>935</v>
      </c>
      <c r="C78" s="40">
        <v>21</v>
      </c>
      <c r="D78" s="24" t="s">
        <v>978</v>
      </c>
      <c r="E78" s="20" t="s">
        <v>991</v>
      </c>
      <c r="F78" s="24" t="s">
        <v>1036</v>
      </c>
      <c r="G78" s="24" t="s">
        <v>1054</v>
      </c>
      <c r="H78" s="39" t="s">
        <v>470</v>
      </c>
      <c r="I78" s="21"/>
    </row>
    <row r="79" spans="1:9" ht="27.75" customHeight="1">
      <c r="A79" s="7" t="s">
        <v>352</v>
      </c>
      <c r="B79" s="20" t="s">
        <v>935</v>
      </c>
      <c r="C79" s="40">
        <v>22</v>
      </c>
      <c r="D79" s="24" t="s">
        <v>979</v>
      </c>
      <c r="E79" s="20" t="s">
        <v>991</v>
      </c>
      <c r="F79" s="24" t="s">
        <v>1037</v>
      </c>
      <c r="G79" s="24" t="s">
        <v>1196</v>
      </c>
      <c r="H79" s="39" t="s">
        <v>470</v>
      </c>
      <c r="I79" s="21"/>
    </row>
    <row r="80" spans="1:9" ht="27.75" customHeight="1">
      <c r="A80" s="7" t="s">
        <v>352</v>
      </c>
      <c r="B80" s="20" t="s">
        <v>935</v>
      </c>
      <c r="C80" s="40">
        <v>23</v>
      </c>
      <c r="D80" s="24" t="s">
        <v>980</v>
      </c>
      <c r="E80" s="20" t="s">
        <v>993</v>
      </c>
      <c r="F80" s="24" t="s">
        <v>1038</v>
      </c>
      <c r="G80" s="24" t="s">
        <v>1061</v>
      </c>
      <c r="H80" s="39" t="s">
        <v>470</v>
      </c>
      <c r="I80" s="21"/>
    </row>
    <row r="81" spans="1:9" ht="27.75" customHeight="1">
      <c r="A81" s="7" t="s">
        <v>352</v>
      </c>
      <c r="B81" s="20" t="s">
        <v>935</v>
      </c>
      <c r="C81" s="40">
        <v>24</v>
      </c>
      <c r="D81" s="24" t="s">
        <v>981</v>
      </c>
      <c r="E81" s="20" t="s">
        <v>991</v>
      </c>
      <c r="F81" s="24" t="s">
        <v>1039</v>
      </c>
      <c r="G81" s="24" t="s">
        <v>1191</v>
      </c>
      <c r="H81" s="39" t="s">
        <v>470</v>
      </c>
      <c r="I81" s="21"/>
    </row>
    <row r="82" spans="1:9" ht="27.75" customHeight="1">
      <c r="A82" s="7" t="s">
        <v>352</v>
      </c>
      <c r="B82" s="20" t="s">
        <v>935</v>
      </c>
      <c r="C82" s="40">
        <v>25</v>
      </c>
      <c r="D82" s="24" t="s">
        <v>982</v>
      </c>
      <c r="E82" s="20" t="s">
        <v>993</v>
      </c>
      <c r="F82" s="24" t="s">
        <v>1040</v>
      </c>
      <c r="G82" s="24" t="s">
        <v>1061</v>
      </c>
      <c r="H82" s="39" t="s">
        <v>470</v>
      </c>
      <c r="I82" s="21"/>
    </row>
    <row r="83" spans="1:9" ht="27.6" customHeight="1">
      <c r="A83" s="7" t="s">
        <v>352</v>
      </c>
      <c r="B83" s="20" t="s">
        <v>935</v>
      </c>
      <c r="C83" s="40">
        <v>26</v>
      </c>
      <c r="D83" s="24" t="s">
        <v>983</v>
      </c>
      <c r="E83" s="20" t="s">
        <v>991</v>
      </c>
      <c r="F83" s="24" t="s">
        <v>1041</v>
      </c>
      <c r="G83" s="24" t="s">
        <v>1197</v>
      </c>
      <c r="H83" s="39" t="s">
        <v>470</v>
      </c>
      <c r="I83" s="21"/>
    </row>
    <row r="84" spans="1:9" ht="27.75" customHeight="1">
      <c r="A84" s="7" t="s">
        <v>352</v>
      </c>
      <c r="B84" s="20" t="s">
        <v>935</v>
      </c>
      <c r="C84" s="40">
        <v>27</v>
      </c>
      <c r="D84" s="24" t="s">
        <v>984</v>
      </c>
      <c r="E84" s="20" t="s">
        <v>991</v>
      </c>
      <c r="F84" s="24" t="s">
        <v>806</v>
      </c>
      <c r="G84" s="24" t="s">
        <v>1079</v>
      </c>
      <c r="H84" s="39" t="s">
        <v>470</v>
      </c>
      <c r="I84" s="21"/>
    </row>
    <row r="85" spans="1:9" ht="27.75" customHeight="1">
      <c r="A85" s="7" t="s">
        <v>352</v>
      </c>
      <c r="B85" s="20" t="s">
        <v>935</v>
      </c>
      <c r="C85" s="40">
        <v>28</v>
      </c>
      <c r="D85" s="24" t="s">
        <v>985</v>
      </c>
      <c r="E85" s="20" t="s">
        <v>991</v>
      </c>
      <c r="F85" s="24" t="s">
        <v>1042</v>
      </c>
      <c r="G85" s="24" t="s">
        <v>31</v>
      </c>
      <c r="H85" s="39" t="s">
        <v>470</v>
      </c>
      <c r="I85" s="21"/>
    </row>
    <row r="86" spans="1:9" ht="27.75" customHeight="1">
      <c r="A86" s="7" t="s">
        <v>352</v>
      </c>
      <c r="B86" s="20" t="s">
        <v>935</v>
      </c>
      <c r="C86" s="40">
        <v>29</v>
      </c>
      <c r="D86" s="24" t="s">
        <v>986</v>
      </c>
      <c r="E86" s="20" t="s">
        <v>993</v>
      </c>
      <c r="F86" s="24" t="s">
        <v>1043</v>
      </c>
      <c r="G86" s="24" t="s">
        <v>1059</v>
      </c>
      <c r="H86" s="39" t="s">
        <v>470</v>
      </c>
      <c r="I86" s="21"/>
    </row>
    <row r="87" spans="1:9" ht="27.75" customHeight="1">
      <c r="A87" s="7" t="s">
        <v>352</v>
      </c>
      <c r="B87" s="20" t="s">
        <v>935</v>
      </c>
      <c r="C87" s="40">
        <v>30</v>
      </c>
      <c r="D87" s="24" t="s">
        <v>987</v>
      </c>
      <c r="E87" s="20" t="s">
        <v>993</v>
      </c>
      <c r="F87" s="24" t="s">
        <v>1044</v>
      </c>
      <c r="G87" s="24" t="s">
        <v>1059</v>
      </c>
      <c r="H87" s="39" t="s">
        <v>470</v>
      </c>
      <c r="I87" s="21"/>
    </row>
    <row r="88" spans="1:9" ht="27.75" customHeight="1">
      <c r="A88" s="7" t="s">
        <v>352</v>
      </c>
      <c r="B88" s="20" t="s">
        <v>935</v>
      </c>
      <c r="C88" s="40">
        <v>31</v>
      </c>
      <c r="D88" s="24" t="s">
        <v>988</v>
      </c>
      <c r="E88" s="20" t="s">
        <v>991</v>
      </c>
      <c r="F88" s="24" t="s">
        <v>1045</v>
      </c>
      <c r="G88" s="24" t="s">
        <v>1114</v>
      </c>
      <c r="H88" s="39" t="s">
        <v>470</v>
      </c>
      <c r="I88" s="21"/>
    </row>
    <row r="89" spans="1:9" ht="27.75" customHeight="1">
      <c r="A89" s="7" t="s">
        <v>352</v>
      </c>
      <c r="B89" s="20" t="s">
        <v>935</v>
      </c>
      <c r="C89" s="40">
        <v>32</v>
      </c>
      <c r="D89" s="24" t="s">
        <v>989</v>
      </c>
      <c r="E89" s="20" t="s">
        <v>993</v>
      </c>
      <c r="F89" s="24" t="s">
        <v>1046</v>
      </c>
      <c r="G89" s="24" t="s">
        <v>1198</v>
      </c>
      <c r="H89" s="39" t="s">
        <v>470</v>
      </c>
      <c r="I89" s="21"/>
    </row>
    <row r="90" spans="1:9" ht="27.75" customHeight="1">
      <c r="A90" s="7" t="s">
        <v>352</v>
      </c>
      <c r="B90" s="20" t="s">
        <v>935</v>
      </c>
      <c r="C90" s="40">
        <v>33</v>
      </c>
      <c r="D90" s="24" t="s">
        <v>990</v>
      </c>
      <c r="E90" s="20" t="s">
        <v>991</v>
      </c>
      <c r="F90" s="24" t="s">
        <v>1047</v>
      </c>
      <c r="G90" s="24" t="s">
        <v>1079</v>
      </c>
      <c r="H90" s="39" t="s">
        <v>470</v>
      </c>
      <c r="I90" s="21"/>
    </row>
    <row r="91" spans="1:9" ht="27.6" customHeight="1">
      <c r="A91" s="7" t="s">
        <v>352</v>
      </c>
      <c r="B91" s="20" t="s">
        <v>935</v>
      </c>
      <c r="C91" s="20">
        <v>1</v>
      </c>
      <c r="D91" s="24" t="s">
        <v>936</v>
      </c>
      <c r="E91" s="20" t="s">
        <v>991</v>
      </c>
      <c r="F91" s="24" t="s">
        <v>994</v>
      </c>
      <c r="G91" s="24" t="s">
        <v>31</v>
      </c>
      <c r="H91" s="39" t="s">
        <v>1321</v>
      </c>
      <c r="I91" s="21"/>
    </row>
    <row r="92" spans="1:9" ht="27.75" customHeight="1">
      <c r="A92" s="7" t="s">
        <v>352</v>
      </c>
      <c r="B92" s="20" t="s">
        <v>935</v>
      </c>
      <c r="C92" s="20">
        <v>2</v>
      </c>
      <c r="D92" s="24" t="s">
        <v>937</v>
      </c>
      <c r="E92" s="20" t="s">
        <v>991</v>
      </c>
      <c r="F92" s="24" t="s">
        <v>995</v>
      </c>
      <c r="G92" s="24" t="s">
        <v>1048</v>
      </c>
      <c r="H92" s="39" t="s">
        <v>1322</v>
      </c>
      <c r="I92" s="21"/>
    </row>
    <row r="93" spans="1:9" ht="27.75" customHeight="1">
      <c r="A93" s="7" t="s">
        <v>352</v>
      </c>
      <c r="B93" s="20" t="s">
        <v>935</v>
      </c>
      <c r="C93" s="20">
        <v>3</v>
      </c>
      <c r="D93" s="24" t="s">
        <v>938</v>
      </c>
      <c r="E93" s="20" t="s">
        <v>991</v>
      </c>
      <c r="F93" s="24" t="s">
        <v>996</v>
      </c>
      <c r="G93" s="24" t="s">
        <v>1050</v>
      </c>
      <c r="H93" s="39" t="s">
        <v>1322</v>
      </c>
      <c r="I93" s="21"/>
    </row>
    <row r="94" spans="1:9" ht="27.75" customHeight="1">
      <c r="A94" s="7" t="s">
        <v>352</v>
      </c>
      <c r="B94" s="20" t="s">
        <v>935</v>
      </c>
      <c r="C94" s="20">
        <v>4</v>
      </c>
      <c r="D94" s="24" t="s">
        <v>939</v>
      </c>
      <c r="E94" s="20" t="s">
        <v>991</v>
      </c>
      <c r="F94" s="24" t="s">
        <v>997</v>
      </c>
      <c r="G94" s="24" t="s">
        <v>1049</v>
      </c>
      <c r="H94" s="39" t="s">
        <v>1322</v>
      </c>
      <c r="I94" s="21"/>
    </row>
    <row r="95" spans="1:9" ht="27.75" customHeight="1">
      <c r="A95" s="7" t="s">
        <v>352</v>
      </c>
      <c r="B95" s="20" t="s">
        <v>935</v>
      </c>
      <c r="C95" s="20">
        <v>5</v>
      </c>
      <c r="D95" s="24" t="s">
        <v>940</v>
      </c>
      <c r="E95" s="20" t="s">
        <v>991</v>
      </c>
      <c r="F95" s="24" t="s">
        <v>998</v>
      </c>
      <c r="G95" s="24" t="s">
        <v>1199</v>
      </c>
      <c r="H95" s="39" t="s">
        <v>1322</v>
      </c>
      <c r="I95" s="21"/>
    </row>
    <row r="96" spans="1:9" ht="27.75" customHeight="1">
      <c r="A96" s="7" t="s">
        <v>352</v>
      </c>
      <c r="B96" s="20" t="s">
        <v>935</v>
      </c>
      <c r="C96" s="20">
        <v>6</v>
      </c>
      <c r="D96" s="24" t="s">
        <v>941</v>
      </c>
      <c r="E96" s="20" t="s">
        <v>991</v>
      </c>
      <c r="F96" s="24" t="s">
        <v>999</v>
      </c>
      <c r="G96" s="24" t="s">
        <v>4</v>
      </c>
      <c r="H96" s="39" t="s">
        <v>1322</v>
      </c>
      <c r="I96" s="21"/>
    </row>
    <row r="97" spans="1:9" ht="27.75" customHeight="1">
      <c r="A97" s="7" t="s">
        <v>352</v>
      </c>
      <c r="B97" s="20" t="s">
        <v>935</v>
      </c>
      <c r="C97" s="20">
        <v>7</v>
      </c>
      <c r="D97" s="24" t="s">
        <v>942</v>
      </c>
      <c r="E97" s="20" t="s">
        <v>991</v>
      </c>
      <c r="F97" s="24" t="s">
        <v>1000</v>
      </c>
      <c r="G97" s="24" t="s">
        <v>7</v>
      </c>
      <c r="H97" s="39" t="s">
        <v>1322</v>
      </c>
      <c r="I97" s="21"/>
    </row>
    <row r="98" spans="1:9" ht="27.75" customHeight="1">
      <c r="A98" s="7" t="s">
        <v>352</v>
      </c>
      <c r="B98" s="20" t="s">
        <v>935</v>
      </c>
      <c r="C98" s="20">
        <v>8</v>
      </c>
      <c r="D98" s="24" t="s">
        <v>943</v>
      </c>
      <c r="E98" s="20" t="s">
        <v>991</v>
      </c>
      <c r="F98" s="24" t="s">
        <v>1001</v>
      </c>
      <c r="G98" s="24" t="s">
        <v>1048</v>
      </c>
      <c r="H98" s="39" t="s">
        <v>1322</v>
      </c>
      <c r="I98" s="21"/>
    </row>
    <row r="99" spans="1:9" ht="27.75" customHeight="1">
      <c r="A99" s="7" t="s">
        <v>352</v>
      </c>
      <c r="B99" s="20" t="s">
        <v>935</v>
      </c>
      <c r="C99" s="20">
        <v>9</v>
      </c>
      <c r="D99" s="24" t="s">
        <v>944</v>
      </c>
      <c r="E99" s="20" t="s">
        <v>991</v>
      </c>
      <c r="F99" s="24" t="s">
        <v>1002</v>
      </c>
      <c r="G99" s="24" t="s">
        <v>1164</v>
      </c>
      <c r="H99" s="39" t="s">
        <v>1322</v>
      </c>
      <c r="I99" s="21"/>
    </row>
    <row r="100" spans="1:9" ht="27.75" customHeight="1">
      <c r="A100" s="7" t="s">
        <v>352</v>
      </c>
      <c r="B100" s="20" t="s">
        <v>935</v>
      </c>
      <c r="C100" s="20">
        <v>10</v>
      </c>
      <c r="D100" s="24" t="s">
        <v>945</v>
      </c>
      <c r="E100" s="20" t="s">
        <v>991</v>
      </c>
      <c r="F100" s="24" t="s">
        <v>1003</v>
      </c>
      <c r="G100" s="24" t="s">
        <v>1181</v>
      </c>
      <c r="H100" s="39" t="s">
        <v>1322</v>
      </c>
      <c r="I100" s="21"/>
    </row>
    <row r="101" spans="1:9" ht="27.75" customHeight="1">
      <c r="A101" s="7" t="s">
        <v>352</v>
      </c>
      <c r="B101" s="20" t="s">
        <v>935</v>
      </c>
      <c r="C101" s="20">
        <v>11</v>
      </c>
      <c r="D101" s="24" t="s">
        <v>946</v>
      </c>
      <c r="E101" s="20" t="s">
        <v>991</v>
      </c>
      <c r="F101" s="24" t="s">
        <v>1004</v>
      </c>
      <c r="G101" s="24" t="s">
        <v>1067</v>
      </c>
      <c r="H101" s="39" t="s">
        <v>1322</v>
      </c>
      <c r="I101" s="21"/>
    </row>
    <row r="102" spans="1:9" ht="27.75" customHeight="1">
      <c r="A102" s="7" t="s">
        <v>352</v>
      </c>
      <c r="B102" s="20" t="s">
        <v>935</v>
      </c>
      <c r="C102" s="20">
        <v>12</v>
      </c>
      <c r="D102" s="24" t="s">
        <v>947</v>
      </c>
      <c r="E102" s="20" t="s">
        <v>991</v>
      </c>
      <c r="F102" s="24" t="s">
        <v>1005</v>
      </c>
      <c r="G102" s="24" t="s">
        <v>1191</v>
      </c>
      <c r="H102" s="39" t="s">
        <v>1322</v>
      </c>
      <c r="I102" s="21"/>
    </row>
    <row r="103" spans="1:9" ht="27.75" customHeight="1">
      <c r="A103" s="7" t="s">
        <v>352</v>
      </c>
      <c r="B103" s="20" t="s">
        <v>935</v>
      </c>
      <c r="C103" s="20">
        <v>13</v>
      </c>
      <c r="D103" s="24" t="s">
        <v>948</v>
      </c>
      <c r="E103" s="20" t="s">
        <v>991</v>
      </c>
      <c r="F103" s="24" t="s">
        <v>1006</v>
      </c>
      <c r="G103" s="24" t="s">
        <v>1192</v>
      </c>
      <c r="H103" s="39" t="s">
        <v>1322</v>
      </c>
      <c r="I103" s="21"/>
    </row>
    <row r="104" spans="1:9" ht="27.75" customHeight="1">
      <c r="A104" s="7" t="s">
        <v>352</v>
      </c>
      <c r="B104" s="20" t="s">
        <v>935</v>
      </c>
      <c r="C104" s="20">
        <v>14</v>
      </c>
      <c r="D104" s="24" t="s">
        <v>949</v>
      </c>
      <c r="E104" s="20" t="s">
        <v>991</v>
      </c>
      <c r="F104" s="24" t="s">
        <v>1007</v>
      </c>
      <c r="G104" s="24" t="s">
        <v>1067</v>
      </c>
      <c r="H104" s="39" t="s">
        <v>1322</v>
      </c>
      <c r="I104" s="21"/>
    </row>
    <row r="105" spans="1:9" ht="27.75" customHeight="1">
      <c r="A105" s="7" t="s">
        <v>352</v>
      </c>
      <c r="B105" s="20" t="s">
        <v>935</v>
      </c>
      <c r="C105" s="20">
        <v>15</v>
      </c>
      <c r="D105" s="24" t="s">
        <v>950</v>
      </c>
      <c r="E105" s="20" t="s">
        <v>992</v>
      </c>
      <c r="F105" s="24" t="s">
        <v>1008</v>
      </c>
      <c r="G105" s="24" t="s">
        <v>1060</v>
      </c>
      <c r="H105" s="39" t="s">
        <v>1322</v>
      </c>
      <c r="I105" s="21"/>
    </row>
    <row r="106" spans="1:9" ht="27.75" customHeight="1">
      <c r="A106" s="7" t="s">
        <v>352</v>
      </c>
      <c r="B106" s="20" t="s">
        <v>935</v>
      </c>
      <c r="C106" s="20">
        <v>16</v>
      </c>
      <c r="D106" s="24" t="s">
        <v>951</v>
      </c>
      <c r="E106" s="20" t="s">
        <v>991</v>
      </c>
      <c r="F106" s="24" t="s">
        <v>1009</v>
      </c>
      <c r="G106" s="24" t="s">
        <v>1185</v>
      </c>
      <c r="H106" s="39" t="s">
        <v>1322</v>
      </c>
      <c r="I106" s="21"/>
    </row>
    <row r="107" spans="1:9" ht="27.6" customHeight="1">
      <c r="A107" s="7" t="s">
        <v>352</v>
      </c>
      <c r="B107" s="20" t="s">
        <v>935</v>
      </c>
      <c r="C107" s="20">
        <v>17</v>
      </c>
      <c r="D107" s="24" t="s">
        <v>952</v>
      </c>
      <c r="E107" s="20" t="s">
        <v>991</v>
      </c>
      <c r="F107" s="24" t="s">
        <v>1010</v>
      </c>
      <c r="G107" s="24" t="s">
        <v>7</v>
      </c>
      <c r="H107" s="39" t="s">
        <v>1322</v>
      </c>
      <c r="I107" s="21"/>
    </row>
    <row r="108" spans="1:9" ht="27.75" customHeight="1">
      <c r="A108" s="7" t="s">
        <v>352</v>
      </c>
      <c r="B108" s="20" t="s">
        <v>935</v>
      </c>
      <c r="C108" s="20">
        <v>18</v>
      </c>
      <c r="D108" s="24" t="s">
        <v>953</v>
      </c>
      <c r="E108" s="20" t="s">
        <v>992</v>
      </c>
      <c r="F108" s="24" t="s">
        <v>1011</v>
      </c>
      <c r="G108" s="24" t="s">
        <v>1060</v>
      </c>
      <c r="H108" s="39" t="s">
        <v>1322</v>
      </c>
      <c r="I108" s="21"/>
    </row>
    <row r="109" spans="1:9" ht="27.75" customHeight="1">
      <c r="A109" s="7" t="s">
        <v>352</v>
      </c>
      <c r="B109" s="20" t="s">
        <v>935</v>
      </c>
      <c r="C109" s="20">
        <v>19</v>
      </c>
      <c r="D109" s="24" t="s">
        <v>954</v>
      </c>
      <c r="E109" s="20" t="s">
        <v>991</v>
      </c>
      <c r="F109" s="24" t="s">
        <v>796</v>
      </c>
      <c r="G109" s="24" t="s">
        <v>1079</v>
      </c>
      <c r="H109" s="39" t="s">
        <v>1322</v>
      </c>
      <c r="I109" s="21"/>
    </row>
    <row r="110" spans="1:9" ht="27.75" customHeight="1">
      <c r="A110" s="7" t="s">
        <v>352</v>
      </c>
      <c r="B110" s="20" t="s">
        <v>935</v>
      </c>
      <c r="C110" s="20">
        <v>20</v>
      </c>
      <c r="D110" s="24" t="s">
        <v>955</v>
      </c>
      <c r="E110" s="20" t="s">
        <v>991</v>
      </c>
      <c r="F110" s="24" t="s">
        <v>1012</v>
      </c>
      <c r="G110" s="24" t="s">
        <v>1191</v>
      </c>
      <c r="H110" s="39" t="s">
        <v>1322</v>
      </c>
      <c r="I110" s="21"/>
    </row>
    <row r="111" spans="1:9" ht="27.75" customHeight="1">
      <c r="A111" s="7" t="s">
        <v>352</v>
      </c>
      <c r="B111" s="20" t="s">
        <v>935</v>
      </c>
      <c r="C111" s="20">
        <v>21</v>
      </c>
      <c r="D111" s="24" t="s">
        <v>956</v>
      </c>
      <c r="E111" s="20" t="s">
        <v>991</v>
      </c>
      <c r="F111" s="24" t="s">
        <v>1013</v>
      </c>
      <c r="G111" s="24" t="s">
        <v>1079</v>
      </c>
      <c r="H111" s="39" t="s">
        <v>1322</v>
      </c>
      <c r="I111" s="21"/>
    </row>
    <row r="112" spans="1:9" ht="27.75" customHeight="1">
      <c r="A112" s="7" t="s">
        <v>352</v>
      </c>
      <c r="B112" s="20" t="s">
        <v>935</v>
      </c>
      <c r="C112" s="20">
        <v>22</v>
      </c>
      <c r="D112" s="24" t="s">
        <v>957</v>
      </c>
      <c r="E112" s="20" t="s">
        <v>991</v>
      </c>
      <c r="F112" s="24" t="s">
        <v>1014</v>
      </c>
      <c r="G112" s="24" t="s">
        <v>4</v>
      </c>
      <c r="H112" s="39" t="s">
        <v>1322</v>
      </c>
      <c r="I112" s="21"/>
    </row>
    <row r="113" spans="1:9" ht="27.75" customHeight="1">
      <c r="A113" s="7" t="s">
        <v>352</v>
      </c>
      <c r="B113" s="20" t="s">
        <v>935</v>
      </c>
      <c r="C113" s="20">
        <v>23</v>
      </c>
      <c r="D113" s="24" t="s">
        <v>958</v>
      </c>
      <c r="E113" s="20" t="s">
        <v>991</v>
      </c>
      <c r="F113" s="24" t="s">
        <v>1015</v>
      </c>
      <c r="G113" s="24" t="s">
        <v>1079</v>
      </c>
      <c r="H113" s="39" t="s">
        <v>1322</v>
      </c>
      <c r="I113" s="21"/>
    </row>
    <row r="114" spans="1:9" ht="27.6" customHeight="1">
      <c r="A114" s="7" t="s">
        <v>352</v>
      </c>
      <c r="B114" s="20" t="s">
        <v>816</v>
      </c>
      <c r="C114" s="20">
        <v>1</v>
      </c>
      <c r="D114" s="23" t="s">
        <v>872</v>
      </c>
      <c r="E114" s="20" t="s">
        <v>873</v>
      </c>
      <c r="F114" s="24" t="s">
        <v>880</v>
      </c>
      <c r="G114" s="24" t="s">
        <v>1050</v>
      </c>
      <c r="H114" s="10" t="s">
        <v>470</v>
      </c>
      <c r="I114" s="21"/>
    </row>
    <row r="115" spans="1:9" ht="27.75" customHeight="1">
      <c r="A115" s="7" t="s">
        <v>352</v>
      </c>
      <c r="B115" s="20" t="s">
        <v>816</v>
      </c>
      <c r="C115" s="20">
        <v>2</v>
      </c>
      <c r="D115" s="23" t="s">
        <v>817</v>
      </c>
      <c r="E115" s="20" t="s">
        <v>873</v>
      </c>
      <c r="F115" s="24" t="s">
        <v>881</v>
      </c>
      <c r="G115" s="24" t="s">
        <v>1051</v>
      </c>
      <c r="H115" s="10" t="s">
        <v>470</v>
      </c>
      <c r="I115" s="21"/>
    </row>
    <row r="116" spans="1:9" ht="27.75" customHeight="1">
      <c r="A116" s="7" t="s">
        <v>352</v>
      </c>
      <c r="B116" s="20" t="s">
        <v>816</v>
      </c>
      <c r="C116" s="20">
        <v>3</v>
      </c>
      <c r="D116" s="23" t="s">
        <v>818</v>
      </c>
      <c r="E116" s="20" t="s">
        <v>873</v>
      </c>
      <c r="F116" s="24" t="s">
        <v>882</v>
      </c>
      <c r="G116" s="24" t="s">
        <v>1052</v>
      </c>
      <c r="H116" s="10" t="s">
        <v>470</v>
      </c>
      <c r="I116" s="21"/>
    </row>
    <row r="117" spans="1:9" ht="27.75" customHeight="1">
      <c r="A117" s="7" t="s">
        <v>352</v>
      </c>
      <c r="B117" s="20" t="s">
        <v>816</v>
      </c>
      <c r="C117" s="20">
        <v>4</v>
      </c>
      <c r="D117" s="23" t="s">
        <v>819</v>
      </c>
      <c r="E117" s="20" t="s">
        <v>873</v>
      </c>
      <c r="F117" s="24" t="s">
        <v>883</v>
      </c>
      <c r="G117" s="24" t="s">
        <v>1053</v>
      </c>
      <c r="H117" s="10" t="s">
        <v>470</v>
      </c>
      <c r="I117" s="21"/>
    </row>
    <row r="118" spans="1:9" ht="27.75" customHeight="1">
      <c r="A118" s="7" t="s">
        <v>352</v>
      </c>
      <c r="B118" s="20" t="s">
        <v>816</v>
      </c>
      <c r="C118" s="20">
        <v>5</v>
      </c>
      <c r="D118" s="23" t="s">
        <v>820</v>
      </c>
      <c r="E118" s="20" t="s">
        <v>873</v>
      </c>
      <c r="F118" s="24" t="s">
        <v>884</v>
      </c>
      <c r="G118" s="24" t="s">
        <v>1054</v>
      </c>
      <c r="H118" s="10" t="s">
        <v>470</v>
      </c>
      <c r="I118" s="21"/>
    </row>
    <row r="119" spans="1:9" ht="27.75" customHeight="1">
      <c r="A119" s="7" t="s">
        <v>352</v>
      </c>
      <c r="B119" s="20" t="s">
        <v>816</v>
      </c>
      <c r="C119" s="20">
        <v>6</v>
      </c>
      <c r="D119" s="23" t="s">
        <v>821</v>
      </c>
      <c r="E119" s="20" t="s">
        <v>874</v>
      </c>
      <c r="F119" s="24" t="s">
        <v>877</v>
      </c>
      <c r="G119" s="24" t="s">
        <v>1055</v>
      </c>
      <c r="H119" s="10" t="s">
        <v>470</v>
      </c>
      <c r="I119" s="21"/>
    </row>
    <row r="120" spans="1:9" ht="27.75" customHeight="1">
      <c r="A120" s="7" t="s">
        <v>352</v>
      </c>
      <c r="B120" s="20" t="s">
        <v>816</v>
      </c>
      <c r="C120" s="20">
        <v>7</v>
      </c>
      <c r="D120" s="23" t="s">
        <v>822</v>
      </c>
      <c r="E120" s="20" t="s">
        <v>874</v>
      </c>
      <c r="F120" s="24" t="s">
        <v>885</v>
      </c>
      <c r="G120" s="24" t="s">
        <v>1056</v>
      </c>
      <c r="H120" s="10" t="s">
        <v>470</v>
      </c>
      <c r="I120" s="21"/>
    </row>
    <row r="121" spans="1:9" ht="27.75" customHeight="1">
      <c r="A121" s="7" t="s">
        <v>352</v>
      </c>
      <c r="B121" s="20" t="s">
        <v>816</v>
      </c>
      <c r="C121" s="20">
        <v>8</v>
      </c>
      <c r="D121" s="23" t="s">
        <v>823</v>
      </c>
      <c r="E121" s="20" t="s">
        <v>873</v>
      </c>
      <c r="F121" s="24" t="s">
        <v>886</v>
      </c>
      <c r="G121" s="24" t="s">
        <v>1079</v>
      </c>
      <c r="H121" s="10" t="s">
        <v>470</v>
      </c>
      <c r="I121" s="21"/>
    </row>
    <row r="122" spans="1:9" ht="27.75" customHeight="1">
      <c r="A122" s="7" t="s">
        <v>352</v>
      </c>
      <c r="B122" s="20" t="s">
        <v>816</v>
      </c>
      <c r="C122" s="20">
        <v>9</v>
      </c>
      <c r="D122" s="23" t="s">
        <v>824</v>
      </c>
      <c r="E122" s="20" t="s">
        <v>873</v>
      </c>
      <c r="F122" s="24" t="s">
        <v>887</v>
      </c>
      <c r="G122" s="24" t="s">
        <v>1057</v>
      </c>
      <c r="H122" s="10" t="s">
        <v>470</v>
      </c>
      <c r="I122" s="21"/>
    </row>
    <row r="123" spans="1:9" ht="27.75" customHeight="1">
      <c r="A123" s="7" t="s">
        <v>352</v>
      </c>
      <c r="B123" s="20" t="s">
        <v>816</v>
      </c>
      <c r="C123" s="20">
        <v>10</v>
      </c>
      <c r="D123" s="23" t="s">
        <v>825</v>
      </c>
      <c r="E123" s="20" t="s">
        <v>873</v>
      </c>
      <c r="F123" s="24" t="s">
        <v>888</v>
      </c>
      <c r="G123" s="24" t="s">
        <v>1082</v>
      </c>
      <c r="H123" s="10" t="s">
        <v>470</v>
      </c>
      <c r="I123" s="21"/>
    </row>
    <row r="124" spans="1:9" ht="27.75" customHeight="1">
      <c r="A124" s="7" t="s">
        <v>352</v>
      </c>
      <c r="B124" s="20" t="s">
        <v>816</v>
      </c>
      <c r="C124" s="20">
        <v>11</v>
      </c>
      <c r="D124" s="23" t="s">
        <v>826</v>
      </c>
      <c r="E124" s="20" t="s">
        <v>873</v>
      </c>
      <c r="F124" s="24" t="s">
        <v>889</v>
      </c>
      <c r="G124" s="24" t="s">
        <v>1079</v>
      </c>
      <c r="H124" s="10" t="s">
        <v>470</v>
      </c>
      <c r="I124" s="21"/>
    </row>
    <row r="125" spans="1:9" ht="27.75" customHeight="1">
      <c r="A125" s="7" t="s">
        <v>352</v>
      </c>
      <c r="B125" s="20" t="s">
        <v>816</v>
      </c>
      <c r="C125" s="20">
        <v>12</v>
      </c>
      <c r="D125" s="23" t="s">
        <v>827</v>
      </c>
      <c r="E125" s="20" t="s">
        <v>873</v>
      </c>
      <c r="F125" s="24" t="s">
        <v>890</v>
      </c>
      <c r="G125" s="24" t="s">
        <v>34</v>
      </c>
      <c r="H125" s="10" t="s">
        <v>470</v>
      </c>
      <c r="I125" s="21"/>
    </row>
    <row r="126" spans="1:9" ht="27.75" customHeight="1">
      <c r="A126" s="7" t="s">
        <v>352</v>
      </c>
      <c r="B126" s="20" t="s">
        <v>816</v>
      </c>
      <c r="C126" s="20">
        <v>13</v>
      </c>
      <c r="D126" s="23" t="s">
        <v>828</v>
      </c>
      <c r="E126" s="20" t="s">
        <v>873</v>
      </c>
      <c r="F126" s="24" t="s">
        <v>891</v>
      </c>
      <c r="G126" s="24" t="s">
        <v>1082</v>
      </c>
      <c r="H126" s="10" t="s">
        <v>470</v>
      </c>
      <c r="I126" s="21"/>
    </row>
    <row r="127" spans="1:9" ht="27.75" customHeight="1">
      <c r="A127" s="7" t="s">
        <v>352</v>
      </c>
      <c r="B127" s="20" t="s">
        <v>816</v>
      </c>
      <c r="C127" s="20">
        <v>14</v>
      </c>
      <c r="D127" s="23" t="s">
        <v>829</v>
      </c>
      <c r="E127" s="20" t="s">
        <v>873</v>
      </c>
      <c r="F127" s="24" t="s">
        <v>892</v>
      </c>
      <c r="G127" s="24" t="s">
        <v>1053</v>
      </c>
      <c r="H127" s="10" t="s">
        <v>470</v>
      </c>
      <c r="I127" s="21"/>
    </row>
    <row r="128" spans="1:9" ht="27.75" customHeight="1">
      <c r="A128" s="7" t="s">
        <v>352</v>
      </c>
      <c r="B128" s="20" t="s">
        <v>816</v>
      </c>
      <c r="C128" s="20">
        <v>15</v>
      </c>
      <c r="D128" s="23" t="s">
        <v>830</v>
      </c>
      <c r="E128" s="20" t="s">
        <v>873</v>
      </c>
      <c r="F128" s="24" t="s">
        <v>893</v>
      </c>
      <c r="G128" s="24" t="s">
        <v>1079</v>
      </c>
      <c r="H128" s="10" t="s">
        <v>470</v>
      </c>
      <c r="I128" s="21"/>
    </row>
    <row r="129" spans="1:9" ht="27.75" customHeight="1">
      <c r="A129" s="7" t="s">
        <v>352</v>
      </c>
      <c r="B129" s="20" t="s">
        <v>816</v>
      </c>
      <c r="C129" s="20">
        <v>16</v>
      </c>
      <c r="D129" s="23" t="s">
        <v>831</v>
      </c>
      <c r="E129" s="20" t="s">
        <v>873</v>
      </c>
      <c r="F129" s="24" t="s">
        <v>894</v>
      </c>
      <c r="G129" s="24" t="s">
        <v>1079</v>
      </c>
      <c r="H129" s="10" t="s">
        <v>470</v>
      </c>
      <c r="I129" s="21"/>
    </row>
    <row r="130" spans="1:9" ht="27.6" customHeight="1">
      <c r="A130" s="7" t="s">
        <v>352</v>
      </c>
      <c r="B130" s="20" t="s">
        <v>816</v>
      </c>
      <c r="C130" s="20">
        <v>17</v>
      </c>
      <c r="D130" s="23" t="s">
        <v>832</v>
      </c>
      <c r="E130" s="20" t="s">
        <v>875</v>
      </c>
      <c r="F130" s="24" t="s">
        <v>895</v>
      </c>
      <c r="G130" s="24" t="s">
        <v>1058</v>
      </c>
      <c r="H130" s="10" t="s">
        <v>470</v>
      </c>
      <c r="I130" s="21"/>
    </row>
    <row r="131" spans="1:9" ht="27.75" customHeight="1">
      <c r="A131" s="7" t="s">
        <v>352</v>
      </c>
      <c r="B131" s="20" t="s">
        <v>816</v>
      </c>
      <c r="C131" s="20">
        <v>18</v>
      </c>
      <c r="D131" s="23" t="s">
        <v>833</v>
      </c>
      <c r="E131" s="20" t="s">
        <v>875</v>
      </c>
      <c r="F131" s="24" t="s">
        <v>896</v>
      </c>
      <c r="G131" s="24" t="s">
        <v>1059</v>
      </c>
      <c r="H131" s="10" t="s">
        <v>470</v>
      </c>
      <c r="I131" s="21"/>
    </row>
    <row r="132" spans="1:9" ht="27.75" customHeight="1">
      <c r="A132" s="7" t="s">
        <v>352</v>
      </c>
      <c r="B132" s="20" t="s">
        <v>816</v>
      </c>
      <c r="C132" s="20">
        <v>19</v>
      </c>
      <c r="D132" s="23" t="s">
        <v>834</v>
      </c>
      <c r="E132" s="20" t="s">
        <v>873</v>
      </c>
      <c r="F132" s="24" t="s">
        <v>897</v>
      </c>
      <c r="G132" s="24" t="s">
        <v>1082</v>
      </c>
      <c r="H132" s="10" t="s">
        <v>470</v>
      </c>
      <c r="I132" s="21"/>
    </row>
    <row r="133" spans="1:9" ht="27.75" customHeight="1">
      <c r="A133" s="7" t="s">
        <v>352</v>
      </c>
      <c r="B133" s="20" t="s">
        <v>816</v>
      </c>
      <c r="C133" s="20">
        <v>20</v>
      </c>
      <c r="D133" s="23" t="s">
        <v>835</v>
      </c>
      <c r="E133" s="20" t="s">
        <v>873</v>
      </c>
      <c r="F133" s="24" t="s">
        <v>898</v>
      </c>
      <c r="G133" s="24" t="s">
        <v>1079</v>
      </c>
      <c r="H133" s="10" t="s">
        <v>470</v>
      </c>
      <c r="I133" s="21"/>
    </row>
    <row r="134" spans="1:9" ht="27.75" customHeight="1">
      <c r="A134" s="7" t="s">
        <v>352</v>
      </c>
      <c r="B134" s="20" t="s">
        <v>816</v>
      </c>
      <c r="C134" s="20">
        <v>21</v>
      </c>
      <c r="D134" s="23" t="s">
        <v>836</v>
      </c>
      <c r="E134" s="20" t="s">
        <v>876</v>
      </c>
      <c r="F134" s="24" t="s">
        <v>878</v>
      </c>
      <c r="G134" s="24" t="s">
        <v>1060</v>
      </c>
      <c r="H134" s="10" t="s">
        <v>470</v>
      </c>
      <c r="I134" s="21"/>
    </row>
    <row r="135" spans="1:9" ht="27.75" customHeight="1">
      <c r="A135" s="7" t="s">
        <v>352</v>
      </c>
      <c r="B135" s="20" t="s">
        <v>816</v>
      </c>
      <c r="C135" s="20">
        <v>22</v>
      </c>
      <c r="D135" s="23" t="s">
        <v>837</v>
      </c>
      <c r="E135" s="20" t="s">
        <v>873</v>
      </c>
      <c r="F135" s="24" t="s">
        <v>899</v>
      </c>
      <c r="G135" s="24" t="s">
        <v>34</v>
      </c>
      <c r="H135" s="10" t="s">
        <v>470</v>
      </c>
      <c r="I135" s="21"/>
    </row>
    <row r="136" spans="1:9" ht="27.75" customHeight="1">
      <c r="A136" s="7" t="s">
        <v>352</v>
      </c>
      <c r="B136" s="20" t="s">
        <v>816</v>
      </c>
      <c r="C136" s="20">
        <v>23</v>
      </c>
      <c r="D136" s="23" t="s">
        <v>838</v>
      </c>
      <c r="E136" s="20" t="s">
        <v>875</v>
      </c>
      <c r="F136" s="24" t="s">
        <v>900</v>
      </c>
      <c r="G136" s="24" t="s">
        <v>1061</v>
      </c>
      <c r="H136" s="10" t="s">
        <v>470</v>
      </c>
      <c r="I136" s="21"/>
    </row>
    <row r="137" spans="1:9" ht="27.75" customHeight="1">
      <c r="A137" s="7" t="s">
        <v>352</v>
      </c>
      <c r="B137" s="20" t="s">
        <v>816</v>
      </c>
      <c r="C137" s="20">
        <v>24</v>
      </c>
      <c r="D137" s="23" t="s">
        <v>839</v>
      </c>
      <c r="E137" s="20" t="s">
        <v>875</v>
      </c>
      <c r="F137" s="24" t="s">
        <v>901</v>
      </c>
      <c r="G137" s="24" t="s">
        <v>1062</v>
      </c>
      <c r="H137" s="10" t="s">
        <v>470</v>
      </c>
      <c r="I137" s="21"/>
    </row>
    <row r="138" spans="1:9" ht="27.75" customHeight="1">
      <c r="A138" s="7" t="s">
        <v>352</v>
      </c>
      <c r="B138" s="20" t="s">
        <v>816</v>
      </c>
      <c r="C138" s="20">
        <v>25</v>
      </c>
      <c r="D138" s="23" t="s">
        <v>840</v>
      </c>
      <c r="E138" s="20" t="s">
        <v>873</v>
      </c>
      <c r="F138" s="24" t="s">
        <v>902</v>
      </c>
      <c r="G138" s="24" t="s">
        <v>1063</v>
      </c>
      <c r="H138" s="10" t="s">
        <v>470</v>
      </c>
      <c r="I138" s="21"/>
    </row>
    <row r="139" spans="1:9" ht="27.75" customHeight="1">
      <c r="A139" s="7" t="s">
        <v>352</v>
      </c>
      <c r="B139" s="20" t="s">
        <v>816</v>
      </c>
      <c r="C139" s="20">
        <v>26</v>
      </c>
      <c r="D139" s="23" t="s">
        <v>841</v>
      </c>
      <c r="E139" s="20" t="s">
        <v>873</v>
      </c>
      <c r="F139" s="24" t="s">
        <v>903</v>
      </c>
      <c r="G139" s="24" t="s">
        <v>1052</v>
      </c>
      <c r="H139" s="10" t="s">
        <v>470</v>
      </c>
      <c r="I139" s="21"/>
    </row>
    <row r="140" spans="1:9" ht="27.75" customHeight="1">
      <c r="A140" s="7" t="s">
        <v>352</v>
      </c>
      <c r="B140" s="20" t="s">
        <v>816</v>
      </c>
      <c r="C140" s="20">
        <v>27</v>
      </c>
      <c r="D140" s="23" t="s">
        <v>842</v>
      </c>
      <c r="E140" s="20" t="s">
        <v>875</v>
      </c>
      <c r="F140" s="24" t="s">
        <v>904</v>
      </c>
      <c r="G140" s="24" t="s">
        <v>1064</v>
      </c>
      <c r="H140" s="10" t="s">
        <v>470</v>
      </c>
      <c r="I140" s="21"/>
    </row>
    <row r="141" spans="1:9" ht="27.75" customHeight="1">
      <c r="A141" s="7" t="s">
        <v>352</v>
      </c>
      <c r="B141" s="20" t="s">
        <v>816</v>
      </c>
      <c r="C141" s="20">
        <v>28</v>
      </c>
      <c r="D141" s="23" t="s">
        <v>843</v>
      </c>
      <c r="E141" s="20" t="s">
        <v>873</v>
      </c>
      <c r="F141" s="24" t="s">
        <v>905</v>
      </c>
      <c r="G141" s="24" t="s">
        <v>1054</v>
      </c>
      <c r="H141" s="10" t="s">
        <v>470</v>
      </c>
      <c r="I141" s="21"/>
    </row>
    <row r="142" spans="1:9" ht="27.75" customHeight="1">
      <c r="A142" s="7" t="s">
        <v>352</v>
      </c>
      <c r="B142" s="20" t="s">
        <v>816</v>
      </c>
      <c r="C142" s="20">
        <v>29</v>
      </c>
      <c r="D142" s="23" t="s">
        <v>844</v>
      </c>
      <c r="E142" s="20" t="s">
        <v>875</v>
      </c>
      <c r="F142" s="24" t="s">
        <v>906</v>
      </c>
      <c r="G142" s="24" t="s">
        <v>1065</v>
      </c>
      <c r="H142" s="10" t="s">
        <v>470</v>
      </c>
      <c r="I142" s="21"/>
    </row>
    <row r="143" spans="1:9" ht="27.75" customHeight="1">
      <c r="A143" s="7" t="s">
        <v>352</v>
      </c>
      <c r="B143" s="20" t="s">
        <v>816</v>
      </c>
      <c r="C143" s="20">
        <v>30</v>
      </c>
      <c r="D143" s="23" t="s">
        <v>845</v>
      </c>
      <c r="E143" s="20" t="s">
        <v>873</v>
      </c>
      <c r="F143" s="24" t="s">
        <v>907</v>
      </c>
      <c r="G143" s="24" t="s">
        <v>1054</v>
      </c>
      <c r="H143" s="10" t="s">
        <v>470</v>
      </c>
      <c r="I143" s="21"/>
    </row>
    <row r="144" spans="1:9" ht="27.75" customHeight="1">
      <c r="A144" s="7" t="s">
        <v>352</v>
      </c>
      <c r="B144" s="20" t="s">
        <v>816</v>
      </c>
      <c r="C144" s="20">
        <v>31</v>
      </c>
      <c r="D144" s="23" t="s">
        <v>846</v>
      </c>
      <c r="E144" s="20" t="s">
        <v>873</v>
      </c>
      <c r="F144" s="24" t="s">
        <v>908</v>
      </c>
      <c r="G144" s="24" t="s">
        <v>1054</v>
      </c>
      <c r="H144" s="10" t="s">
        <v>470</v>
      </c>
      <c r="I144" s="21"/>
    </row>
    <row r="145" spans="1:9" ht="27.75" customHeight="1">
      <c r="A145" s="7" t="s">
        <v>352</v>
      </c>
      <c r="B145" s="20" t="s">
        <v>816</v>
      </c>
      <c r="C145" s="20">
        <v>32</v>
      </c>
      <c r="D145" s="23" t="s">
        <v>847</v>
      </c>
      <c r="E145" s="20" t="s">
        <v>875</v>
      </c>
      <c r="F145" s="24" t="s">
        <v>909</v>
      </c>
      <c r="G145" s="24" t="s">
        <v>1058</v>
      </c>
      <c r="H145" s="10" t="s">
        <v>470</v>
      </c>
      <c r="I145" s="21"/>
    </row>
    <row r="146" spans="1:9" ht="27.6" customHeight="1">
      <c r="A146" s="7" t="s">
        <v>352</v>
      </c>
      <c r="B146" s="20" t="s">
        <v>816</v>
      </c>
      <c r="C146" s="20">
        <v>33</v>
      </c>
      <c r="D146" s="23" t="s">
        <v>848</v>
      </c>
      <c r="E146" s="20" t="s">
        <v>873</v>
      </c>
      <c r="F146" s="27" t="s">
        <v>932</v>
      </c>
      <c r="G146" s="24" t="s">
        <v>1066</v>
      </c>
      <c r="H146" s="10" t="s">
        <v>470</v>
      </c>
      <c r="I146" s="21"/>
    </row>
    <row r="147" spans="1:9" ht="27.75" customHeight="1">
      <c r="A147" s="7" t="s">
        <v>352</v>
      </c>
      <c r="B147" s="20" t="s">
        <v>816</v>
      </c>
      <c r="C147" s="20">
        <v>1</v>
      </c>
      <c r="D147" s="23" t="s">
        <v>849</v>
      </c>
      <c r="E147" s="20" t="s">
        <v>873</v>
      </c>
      <c r="F147" s="24" t="s">
        <v>910</v>
      </c>
      <c r="G147" s="24" t="s">
        <v>1051</v>
      </c>
      <c r="H147" s="10" t="s">
        <v>310</v>
      </c>
      <c r="I147" s="21"/>
    </row>
    <row r="148" spans="1:9" ht="27.75" customHeight="1">
      <c r="A148" s="7" t="s">
        <v>352</v>
      </c>
      <c r="B148" s="20" t="s">
        <v>816</v>
      </c>
      <c r="C148" s="20">
        <v>2</v>
      </c>
      <c r="D148" s="24" t="s">
        <v>850</v>
      </c>
      <c r="E148" s="20" t="s">
        <v>874</v>
      </c>
      <c r="F148" s="24" t="s">
        <v>911</v>
      </c>
      <c r="G148" s="24" t="s">
        <v>1051</v>
      </c>
      <c r="H148" s="10" t="s">
        <v>310</v>
      </c>
      <c r="I148" s="21"/>
    </row>
    <row r="149" spans="1:9" ht="27.75" customHeight="1">
      <c r="A149" s="7" t="s">
        <v>352</v>
      </c>
      <c r="B149" s="20" t="s">
        <v>816</v>
      </c>
      <c r="C149" s="20">
        <v>3</v>
      </c>
      <c r="D149" s="23" t="s">
        <v>851</v>
      </c>
      <c r="E149" s="20" t="s">
        <v>874</v>
      </c>
      <c r="F149" s="24" t="s">
        <v>912</v>
      </c>
      <c r="G149" s="24" t="s">
        <v>1067</v>
      </c>
      <c r="H149" s="10" t="s">
        <v>310</v>
      </c>
      <c r="I149" s="21"/>
    </row>
    <row r="150" spans="1:9" ht="27.75" customHeight="1">
      <c r="A150" s="7" t="s">
        <v>352</v>
      </c>
      <c r="B150" s="20" t="s">
        <v>816</v>
      </c>
      <c r="C150" s="20">
        <v>4</v>
      </c>
      <c r="D150" s="23" t="s">
        <v>852</v>
      </c>
      <c r="E150" s="20" t="s">
        <v>873</v>
      </c>
      <c r="F150" s="24" t="s">
        <v>913</v>
      </c>
      <c r="G150" s="24" t="s">
        <v>1082</v>
      </c>
      <c r="H150" s="10" t="s">
        <v>310</v>
      </c>
      <c r="I150" s="21"/>
    </row>
    <row r="151" spans="1:9" ht="27.75" customHeight="1">
      <c r="A151" s="7" t="s">
        <v>352</v>
      </c>
      <c r="B151" s="20" t="s">
        <v>816</v>
      </c>
      <c r="C151" s="20">
        <v>5</v>
      </c>
      <c r="D151" s="23" t="s">
        <v>853</v>
      </c>
      <c r="E151" s="20" t="s">
        <v>873</v>
      </c>
      <c r="F151" s="24" t="s">
        <v>914</v>
      </c>
      <c r="G151" s="24" t="s">
        <v>1082</v>
      </c>
      <c r="H151" s="10" t="s">
        <v>310</v>
      </c>
      <c r="I151" s="21"/>
    </row>
    <row r="152" spans="1:9" ht="27.75" customHeight="1">
      <c r="A152" s="7" t="s">
        <v>352</v>
      </c>
      <c r="B152" s="20" t="s">
        <v>816</v>
      </c>
      <c r="C152" s="20">
        <v>6</v>
      </c>
      <c r="D152" s="23" t="s">
        <v>854</v>
      </c>
      <c r="E152" s="20" t="s">
        <v>873</v>
      </c>
      <c r="F152" s="24" t="s">
        <v>879</v>
      </c>
      <c r="G152" s="24" t="s">
        <v>1068</v>
      </c>
      <c r="H152" s="10" t="s">
        <v>310</v>
      </c>
      <c r="I152" s="21"/>
    </row>
    <row r="153" spans="1:9" ht="27.75" customHeight="1">
      <c r="A153" s="7" t="s">
        <v>352</v>
      </c>
      <c r="B153" s="20" t="s">
        <v>816</v>
      </c>
      <c r="C153" s="20">
        <v>7</v>
      </c>
      <c r="D153" s="23" t="s">
        <v>855</v>
      </c>
      <c r="E153" s="20" t="s">
        <v>873</v>
      </c>
      <c r="F153" s="24" t="s">
        <v>915</v>
      </c>
      <c r="G153" s="24" t="s">
        <v>1068</v>
      </c>
      <c r="H153" s="10" t="s">
        <v>310</v>
      </c>
      <c r="I153" s="21"/>
    </row>
    <row r="154" spans="1:9" ht="27.75" customHeight="1">
      <c r="A154" s="7" t="s">
        <v>352</v>
      </c>
      <c r="B154" s="20" t="s">
        <v>816</v>
      </c>
      <c r="C154" s="20">
        <v>8</v>
      </c>
      <c r="D154" s="23" t="s">
        <v>856</v>
      </c>
      <c r="E154" s="20" t="s">
        <v>876</v>
      </c>
      <c r="F154" s="24" t="s">
        <v>916</v>
      </c>
      <c r="G154" s="24" t="s">
        <v>1060</v>
      </c>
      <c r="H154" s="10" t="s">
        <v>310</v>
      </c>
      <c r="I154" s="21"/>
    </row>
    <row r="155" spans="1:9" ht="27.75" customHeight="1">
      <c r="A155" s="7" t="s">
        <v>352</v>
      </c>
      <c r="B155" s="20" t="s">
        <v>816</v>
      </c>
      <c r="C155" s="20">
        <v>9</v>
      </c>
      <c r="D155" s="23" t="s">
        <v>857</v>
      </c>
      <c r="E155" s="20" t="s">
        <v>873</v>
      </c>
      <c r="F155" s="24" t="s">
        <v>917</v>
      </c>
      <c r="G155" s="24" t="s">
        <v>1082</v>
      </c>
      <c r="H155" s="10" t="s">
        <v>310</v>
      </c>
      <c r="I155" s="21"/>
    </row>
    <row r="156" spans="1:9" ht="27.75" customHeight="1">
      <c r="A156" s="7" t="s">
        <v>352</v>
      </c>
      <c r="B156" s="20" t="s">
        <v>816</v>
      </c>
      <c r="C156" s="20">
        <v>10</v>
      </c>
      <c r="D156" s="23" t="s">
        <v>858</v>
      </c>
      <c r="E156" s="20" t="s">
        <v>873</v>
      </c>
      <c r="F156" s="24" t="s">
        <v>918</v>
      </c>
      <c r="G156" s="24" t="s">
        <v>34</v>
      </c>
      <c r="H156" s="10" t="s">
        <v>310</v>
      </c>
      <c r="I156" s="21"/>
    </row>
    <row r="157" spans="1:9" ht="27.75" customHeight="1">
      <c r="A157" s="7" t="s">
        <v>352</v>
      </c>
      <c r="B157" s="20" t="s">
        <v>816</v>
      </c>
      <c r="C157" s="20">
        <v>11</v>
      </c>
      <c r="D157" s="23" t="s">
        <v>859</v>
      </c>
      <c r="E157" s="20" t="s">
        <v>873</v>
      </c>
      <c r="F157" s="24" t="s">
        <v>919</v>
      </c>
      <c r="G157" s="24" t="s">
        <v>1053</v>
      </c>
      <c r="H157" s="10" t="s">
        <v>310</v>
      </c>
      <c r="I157" s="21"/>
    </row>
    <row r="158" spans="1:9" ht="27.75" customHeight="1">
      <c r="A158" s="7" t="s">
        <v>352</v>
      </c>
      <c r="B158" s="20" t="s">
        <v>816</v>
      </c>
      <c r="C158" s="20">
        <v>12</v>
      </c>
      <c r="D158" s="23" t="s">
        <v>860</v>
      </c>
      <c r="E158" s="20" t="s">
        <v>873</v>
      </c>
      <c r="F158" s="24" t="s">
        <v>920</v>
      </c>
      <c r="G158" s="24" t="s">
        <v>1069</v>
      </c>
      <c r="H158" s="10" t="s">
        <v>310</v>
      </c>
      <c r="I158" s="21"/>
    </row>
    <row r="159" spans="1:9" ht="27.75" customHeight="1">
      <c r="A159" s="7" t="s">
        <v>352</v>
      </c>
      <c r="B159" s="20" t="s">
        <v>816</v>
      </c>
      <c r="C159" s="20">
        <v>13</v>
      </c>
      <c r="D159" s="23" t="s">
        <v>861</v>
      </c>
      <c r="E159" s="20" t="s">
        <v>873</v>
      </c>
      <c r="F159" s="24" t="s">
        <v>921</v>
      </c>
      <c r="G159" s="24" t="s">
        <v>1054</v>
      </c>
      <c r="H159" s="10" t="s">
        <v>310</v>
      </c>
      <c r="I159" s="21"/>
    </row>
    <row r="160" spans="1:9" ht="27.75" customHeight="1">
      <c r="A160" s="7" t="s">
        <v>352</v>
      </c>
      <c r="B160" s="20" t="s">
        <v>816</v>
      </c>
      <c r="C160" s="20">
        <v>14</v>
      </c>
      <c r="D160" s="23" t="s">
        <v>862</v>
      </c>
      <c r="E160" s="20" t="s">
        <v>873</v>
      </c>
      <c r="F160" s="24" t="s">
        <v>922</v>
      </c>
      <c r="G160" s="24" t="s">
        <v>1050</v>
      </c>
      <c r="H160" s="10" t="s">
        <v>310</v>
      </c>
      <c r="I160" s="21"/>
    </row>
    <row r="161" spans="1:9" ht="27.75" customHeight="1">
      <c r="A161" s="7" t="s">
        <v>352</v>
      </c>
      <c r="B161" s="20" t="s">
        <v>816</v>
      </c>
      <c r="C161" s="20">
        <v>15</v>
      </c>
      <c r="D161" s="23" t="s">
        <v>863</v>
      </c>
      <c r="E161" s="20" t="s">
        <v>873</v>
      </c>
      <c r="F161" s="24" t="s">
        <v>923</v>
      </c>
      <c r="G161" s="24" t="s">
        <v>31</v>
      </c>
      <c r="H161" s="10" t="s">
        <v>310</v>
      </c>
      <c r="I161" s="21"/>
    </row>
    <row r="162" spans="1:9" ht="27.6" customHeight="1">
      <c r="A162" s="7" t="s">
        <v>352</v>
      </c>
      <c r="B162" s="20" t="s">
        <v>816</v>
      </c>
      <c r="C162" s="20">
        <v>16</v>
      </c>
      <c r="D162" s="23" t="s">
        <v>864</v>
      </c>
      <c r="E162" s="20" t="s">
        <v>876</v>
      </c>
      <c r="F162" s="24" t="s">
        <v>924</v>
      </c>
      <c r="G162" s="24" t="s">
        <v>1055</v>
      </c>
      <c r="H162" s="10" t="s">
        <v>310</v>
      </c>
      <c r="I162" s="21"/>
    </row>
    <row r="163" spans="1:9" ht="27.75" customHeight="1">
      <c r="A163" s="7" t="s">
        <v>352</v>
      </c>
      <c r="B163" s="20" t="s">
        <v>816</v>
      </c>
      <c r="C163" s="20">
        <v>17</v>
      </c>
      <c r="D163" s="23" t="s">
        <v>865</v>
      </c>
      <c r="E163" s="20" t="s">
        <v>873</v>
      </c>
      <c r="F163" s="24" t="s">
        <v>925</v>
      </c>
      <c r="G163" s="24" t="s">
        <v>1070</v>
      </c>
      <c r="H163" s="10" t="s">
        <v>310</v>
      </c>
      <c r="I163" s="21"/>
    </row>
    <row r="164" spans="1:9" ht="27.75" customHeight="1">
      <c r="A164" s="7" t="s">
        <v>352</v>
      </c>
      <c r="B164" s="20" t="s">
        <v>816</v>
      </c>
      <c r="C164" s="20">
        <v>18</v>
      </c>
      <c r="D164" s="23" t="s">
        <v>866</v>
      </c>
      <c r="E164" s="20" t="s">
        <v>873</v>
      </c>
      <c r="F164" s="24" t="s">
        <v>926</v>
      </c>
      <c r="G164" s="24" t="s">
        <v>1051</v>
      </c>
      <c r="H164" s="10" t="s">
        <v>310</v>
      </c>
      <c r="I164" s="21"/>
    </row>
    <row r="165" spans="1:9" ht="27.75" customHeight="1">
      <c r="A165" s="7" t="s">
        <v>352</v>
      </c>
      <c r="B165" s="20" t="s">
        <v>816</v>
      </c>
      <c r="C165" s="20">
        <v>19</v>
      </c>
      <c r="D165" s="23" t="s">
        <v>867</v>
      </c>
      <c r="E165" s="20" t="s">
        <v>873</v>
      </c>
      <c r="F165" s="24" t="s">
        <v>927</v>
      </c>
      <c r="G165" s="24" t="s">
        <v>1069</v>
      </c>
      <c r="H165" s="10" t="s">
        <v>310</v>
      </c>
      <c r="I165" s="21"/>
    </row>
    <row r="166" spans="1:9" ht="27.75" customHeight="1">
      <c r="A166" s="7" t="s">
        <v>352</v>
      </c>
      <c r="B166" s="20" t="s">
        <v>816</v>
      </c>
      <c r="C166" s="20">
        <v>20</v>
      </c>
      <c r="D166" s="23" t="s">
        <v>868</v>
      </c>
      <c r="E166" s="20" t="s">
        <v>873</v>
      </c>
      <c r="F166" s="24" t="s">
        <v>928</v>
      </c>
      <c r="G166" s="24" t="s">
        <v>1082</v>
      </c>
      <c r="H166" s="10" t="s">
        <v>310</v>
      </c>
      <c r="I166" s="21"/>
    </row>
    <row r="167" spans="1:9" ht="27.75" customHeight="1">
      <c r="A167" s="7" t="s">
        <v>352</v>
      </c>
      <c r="B167" s="20" t="s">
        <v>816</v>
      </c>
      <c r="C167" s="20">
        <v>21</v>
      </c>
      <c r="D167" s="23" t="s">
        <v>869</v>
      </c>
      <c r="E167" s="20" t="s">
        <v>873</v>
      </c>
      <c r="F167" s="24" t="s">
        <v>929</v>
      </c>
      <c r="G167" s="24" t="s">
        <v>1051</v>
      </c>
      <c r="H167" s="10" t="s">
        <v>310</v>
      </c>
      <c r="I167" s="21"/>
    </row>
    <row r="168" spans="1:9" ht="27.75" customHeight="1">
      <c r="A168" s="7" t="s">
        <v>352</v>
      </c>
      <c r="B168" s="20" t="s">
        <v>816</v>
      </c>
      <c r="C168" s="20">
        <v>22</v>
      </c>
      <c r="D168" s="23" t="s">
        <v>870</v>
      </c>
      <c r="E168" s="20" t="s">
        <v>873</v>
      </c>
      <c r="F168" s="24" t="s">
        <v>930</v>
      </c>
      <c r="G168" s="24" t="s">
        <v>1051</v>
      </c>
      <c r="H168" s="10" t="s">
        <v>310</v>
      </c>
      <c r="I168" s="21"/>
    </row>
    <row r="169" spans="1:9" ht="27.75" customHeight="1">
      <c r="A169" s="7" t="s">
        <v>352</v>
      </c>
      <c r="B169" s="20" t="s">
        <v>816</v>
      </c>
      <c r="C169" s="20">
        <v>23</v>
      </c>
      <c r="D169" s="23" t="s">
        <v>871</v>
      </c>
      <c r="E169" s="20" t="s">
        <v>876</v>
      </c>
      <c r="F169" s="24" t="s">
        <v>931</v>
      </c>
      <c r="G169" s="24" t="s">
        <v>1055</v>
      </c>
      <c r="H169" s="10" t="s">
        <v>310</v>
      </c>
      <c r="I169" s="21"/>
    </row>
    <row r="170" spans="1:9" ht="27.75" customHeight="1">
      <c r="A170" s="7" t="s">
        <v>353</v>
      </c>
      <c r="B170" s="20" t="s">
        <v>704</v>
      </c>
      <c r="C170" s="20">
        <v>1</v>
      </c>
      <c r="D170" s="23" t="s">
        <v>705</v>
      </c>
      <c r="E170" s="20" t="s">
        <v>368</v>
      </c>
      <c r="F170" s="24" t="s">
        <v>734</v>
      </c>
      <c r="G170" s="24" t="s">
        <v>1071</v>
      </c>
      <c r="H170" s="10" t="s">
        <v>470</v>
      </c>
      <c r="I170" s="21"/>
    </row>
    <row r="171" spans="1:9" ht="27.75" customHeight="1">
      <c r="A171" s="7" t="s">
        <v>353</v>
      </c>
      <c r="B171" s="20" t="s">
        <v>704</v>
      </c>
      <c r="C171" s="20">
        <v>2</v>
      </c>
      <c r="D171" s="23" t="s">
        <v>706</v>
      </c>
      <c r="E171" s="20" t="s">
        <v>368</v>
      </c>
      <c r="F171" s="24" t="s">
        <v>783</v>
      </c>
      <c r="G171" s="24" t="s">
        <v>1072</v>
      </c>
      <c r="H171" s="10" t="s">
        <v>470</v>
      </c>
      <c r="I171" s="21"/>
    </row>
    <row r="172" spans="1:9" ht="27.75" customHeight="1">
      <c r="A172" s="7" t="s">
        <v>353</v>
      </c>
      <c r="B172" s="20" t="s">
        <v>704</v>
      </c>
      <c r="C172" s="20">
        <v>3</v>
      </c>
      <c r="D172" s="23" t="s">
        <v>726</v>
      </c>
      <c r="E172" s="20" t="s">
        <v>368</v>
      </c>
      <c r="F172" s="24" t="s">
        <v>784</v>
      </c>
      <c r="G172" s="24" t="s">
        <v>1072</v>
      </c>
      <c r="H172" s="10" t="s">
        <v>470</v>
      </c>
      <c r="I172" s="21"/>
    </row>
    <row r="173" spans="1:9" ht="27.75" customHeight="1">
      <c r="A173" s="7" t="s">
        <v>353</v>
      </c>
      <c r="B173" s="20" t="s">
        <v>704</v>
      </c>
      <c r="C173" s="20">
        <v>4</v>
      </c>
      <c r="D173" s="23" t="s">
        <v>721</v>
      </c>
      <c r="E173" s="20" t="s">
        <v>368</v>
      </c>
      <c r="F173" s="24" t="s">
        <v>785</v>
      </c>
      <c r="G173" s="24" t="s">
        <v>1073</v>
      </c>
      <c r="H173" s="10" t="s">
        <v>470</v>
      </c>
      <c r="I173" s="21"/>
    </row>
    <row r="174" spans="1:9" ht="27.75" customHeight="1">
      <c r="A174" s="7" t="s">
        <v>353</v>
      </c>
      <c r="B174" s="20" t="s">
        <v>704</v>
      </c>
      <c r="C174" s="20">
        <v>5</v>
      </c>
      <c r="D174" s="23" t="s">
        <v>707</v>
      </c>
      <c r="E174" s="20" t="s">
        <v>368</v>
      </c>
      <c r="F174" s="24" t="s">
        <v>786</v>
      </c>
      <c r="G174" s="24" t="s">
        <v>1074</v>
      </c>
      <c r="H174" s="10" t="s">
        <v>470</v>
      </c>
      <c r="I174" s="21"/>
    </row>
    <row r="175" spans="1:9" ht="27.75" customHeight="1">
      <c r="A175" s="7" t="s">
        <v>353</v>
      </c>
      <c r="B175" s="20" t="s">
        <v>704</v>
      </c>
      <c r="C175" s="20">
        <v>6</v>
      </c>
      <c r="D175" s="23" t="s">
        <v>716</v>
      </c>
      <c r="E175" s="20" t="s">
        <v>368</v>
      </c>
      <c r="F175" s="24" t="s">
        <v>787</v>
      </c>
      <c r="G175" s="24" t="s">
        <v>1075</v>
      </c>
      <c r="H175" s="10" t="s">
        <v>470</v>
      </c>
      <c r="I175" s="21"/>
    </row>
    <row r="176" spans="1:9" ht="27.75" customHeight="1">
      <c r="A176" s="7" t="s">
        <v>353</v>
      </c>
      <c r="B176" s="20" t="s">
        <v>704</v>
      </c>
      <c r="C176" s="20">
        <v>7</v>
      </c>
      <c r="D176" s="23" t="s">
        <v>708</v>
      </c>
      <c r="E176" s="20" t="s">
        <v>368</v>
      </c>
      <c r="F176" s="24" t="s">
        <v>788</v>
      </c>
      <c r="G176" s="24" t="s">
        <v>1076</v>
      </c>
      <c r="H176" s="10" t="s">
        <v>470</v>
      </c>
      <c r="I176" s="21"/>
    </row>
    <row r="177" spans="1:9" ht="27.75" customHeight="1">
      <c r="A177" s="7" t="s">
        <v>353</v>
      </c>
      <c r="B177" s="20" t="s">
        <v>704</v>
      </c>
      <c r="C177" s="20">
        <v>8</v>
      </c>
      <c r="D177" s="23" t="s">
        <v>589</v>
      </c>
      <c r="E177" s="20" t="s">
        <v>368</v>
      </c>
      <c r="F177" s="24" t="s">
        <v>789</v>
      </c>
      <c r="G177" s="24" t="s">
        <v>1077</v>
      </c>
      <c r="H177" s="10" t="s">
        <v>470</v>
      </c>
      <c r="I177" s="21"/>
    </row>
    <row r="178" spans="1:9" ht="27.75" customHeight="1">
      <c r="A178" s="7" t="s">
        <v>353</v>
      </c>
      <c r="B178" s="20" t="s">
        <v>704</v>
      </c>
      <c r="C178" s="20">
        <v>9</v>
      </c>
      <c r="D178" s="23" t="s">
        <v>710</v>
      </c>
      <c r="E178" s="20" t="s">
        <v>368</v>
      </c>
      <c r="F178" s="24" t="s">
        <v>790</v>
      </c>
      <c r="G178" s="24" t="s">
        <v>1077</v>
      </c>
      <c r="H178" s="10" t="s">
        <v>470</v>
      </c>
      <c r="I178" s="21"/>
    </row>
    <row r="179" spans="1:9" ht="27.75" customHeight="1">
      <c r="A179" s="7" t="s">
        <v>353</v>
      </c>
      <c r="B179" s="20" t="s">
        <v>704</v>
      </c>
      <c r="C179" s="20">
        <v>10</v>
      </c>
      <c r="D179" s="23" t="s">
        <v>711</v>
      </c>
      <c r="E179" s="20" t="s">
        <v>368</v>
      </c>
      <c r="F179" s="24" t="s">
        <v>791</v>
      </c>
      <c r="G179" s="24" t="s">
        <v>1078</v>
      </c>
      <c r="H179" s="10" t="s">
        <v>470</v>
      </c>
      <c r="I179" s="21"/>
    </row>
    <row r="180" spans="1:9" ht="27.75" customHeight="1">
      <c r="A180" s="7" t="s">
        <v>353</v>
      </c>
      <c r="B180" s="20" t="s">
        <v>704</v>
      </c>
      <c r="C180" s="20">
        <v>11</v>
      </c>
      <c r="D180" s="23" t="s">
        <v>627</v>
      </c>
      <c r="E180" s="20" t="s">
        <v>812</v>
      </c>
      <c r="F180" s="24" t="s">
        <v>792</v>
      </c>
      <c r="G180" s="24" t="s">
        <v>1058</v>
      </c>
      <c r="H180" s="10" t="s">
        <v>470</v>
      </c>
      <c r="I180" s="21"/>
    </row>
    <row r="181" spans="1:9" ht="27.75" customHeight="1">
      <c r="A181" s="7" t="s">
        <v>353</v>
      </c>
      <c r="B181" s="20" t="s">
        <v>704</v>
      </c>
      <c r="C181" s="20">
        <v>12</v>
      </c>
      <c r="D181" s="23" t="s">
        <v>591</v>
      </c>
      <c r="E181" s="20" t="s">
        <v>368</v>
      </c>
      <c r="F181" s="24" t="s">
        <v>793</v>
      </c>
      <c r="G181" s="24" t="s">
        <v>1075</v>
      </c>
      <c r="H181" s="10" t="s">
        <v>470</v>
      </c>
      <c r="I181" s="21"/>
    </row>
    <row r="182" spans="1:9" ht="27.75" customHeight="1">
      <c r="A182" s="7" t="s">
        <v>353</v>
      </c>
      <c r="B182" s="20" t="s">
        <v>704</v>
      </c>
      <c r="C182" s="20">
        <v>13</v>
      </c>
      <c r="D182" s="23" t="s">
        <v>718</v>
      </c>
      <c r="E182" s="20" t="s">
        <v>812</v>
      </c>
      <c r="F182" s="24" t="s">
        <v>794</v>
      </c>
      <c r="G182" s="24" t="s">
        <v>1058</v>
      </c>
      <c r="H182" s="10" t="s">
        <v>470</v>
      </c>
      <c r="I182" s="21"/>
    </row>
    <row r="183" spans="1:9" ht="27.75" customHeight="1">
      <c r="A183" s="7" t="s">
        <v>353</v>
      </c>
      <c r="B183" s="20" t="s">
        <v>704</v>
      </c>
      <c r="C183" s="20">
        <v>14</v>
      </c>
      <c r="D183" s="23" t="s">
        <v>712</v>
      </c>
      <c r="E183" s="20" t="s">
        <v>368</v>
      </c>
      <c r="F183" s="24" t="s">
        <v>795</v>
      </c>
      <c r="G183" s="24" t="s">
        <v>1075</v>
      </c>
      <c r="H183" s="10" t="s">
        <v>470</v>
      </c>
      <c r="I183" s="21"/>
    </row>
    <row r="184" spans="1:9" ht="27.75" customHeight="1">
      <c r="A184" s="7" t="s">
        <v>353</v>
      </c>
      <c r="B184" s="20" t="s">
        <v>704</v>
      </c>
      <c r="C184" s="20">
        <v>15</v>
      </c>
      <c r="D184" s="23" t="s">
        <v>607</v>
      </c>
      <c r="E184" s="20" t="s">
        <v>368</v>
      </c>
      <c r="F184" s="24" t="s">
        <v>796</v>
      </c>
      <c r="G184" s="24" t="s">
        <v>1079</v>
      </c>
      <c r="H184" s="10" t="s">
        <v>470</v>
      </c>
      <c r="I184" s="21"/>
    </row>
    <row r="185" spans="1:9" ht="27.75" customHeight="1">
      <c r="A185" s="7" t="s">
        <v>353</v>
      </c>
      <c r="B185" s="20" t="s">
        <v>704</v>
      </c>
      <c r="C185" s="20">
        <v>16</v>
      </c>
      <c r="D185" s="23" t="s">
        <v>724</v>
      </c>
      <c r="E185" s="20" t="s">
        <v>368</v>
      </c>
      <c r="F185" s="24" t="s">
        <v>797</v>
      </c>
      <c r="G185" s="24" t="s">
        <v>1080</v>
      </c>
      <c r="H185" s="10" t="s">
        <v>470</v>
      </c>
      <c r="I185" s="21"/>
    </row>
    <row r="186" spans="1:9" ht="27.75" customHeight="1">
      <c r="A186" s="7" t="s">
        <v>353</v>
      </c>
      <c r="B186" s="20" t="s">
        <v>704</v>
      </c>
      <c r="C186" s="20">
        <v>17</v>
      </c>
      <c r="D186" s="23" t="s">
        <v>713</v>
      </c>
      <c r="E186" s="20" t="s">
        <v>368</v>
      </c>
      <c r="F186" s="24" t="s">
        <v>798</v>
      </c>
      <c r="G186" s="24" t="s">
        <v>1081</v>
      </c>
      <c r="H186" s="10" t="s">
        <v>470</v>
      </c>
      <c r="I186" s="21"/>
    </row>
    <row r="187" spans="1:9" ht="27.75" customHeight="1">
      <c r="A187" s="7" t="s">
        <v>353</v>
      </c>
      <c r="B187" s="20" t="s">
        <v>704</v>
      </c>
      <c r="C187" s="20">
        <v>18</v>
      </c>
      <c r="D187" s="23" t="s">
        <v>720</v>
      </c>
      <c r="E187" s="20" t="s">
        <v>368</v>
      </c>
      <c r="F187" s="24" t="s">
        <v>799</v>
      </c>
      <c r="G187" s="24" t="s">
        <v>1082</v>
      </c>
      <c r="H187" s="10" t="s">
        <v>470</v>
      </c>
      <c r="I187" s="21"/>
    </row>
    <row r="188" spans="1:9" ht="27.75" customHeight="1">
      <c r="A188" s="7" t="s">
        <v>353</v>
      </c>
      <c r="B188" s="20" t="s">
        <v>704</v>
      </c>
      <c r="C188" s="20">
        <v>19</v>
      </c>
      <c r="D188" s="23" t="s">
        <v>714</v>
      </c>
      <c r="E188" s="20" t="s">
        <v>368</v>
      </c>
      <c r="F188" s="24" t="s">
        <v>800</v>
      </c>
      <c r="G188" s="24" t="s">
        <v>1080</v>
      </c>
      <c r="H188" s="10" t="s">
        <v>470</v>
      </c>
      <c r="I188" s="21"/>
    </row>
    <row r="189" spans="1:9" ht="27.75" customHeight="1">
      <c r="A189" s="7" t="s">
        <v>353</v>
      </c>
      <c r="B189" s="20" t="s">
        <v>704</v>
      </c>
      <c r="C189" s="20">
        <v>20</v>
      </c>
      <c r="D189" s="23" t="s">
        <v>723</v>
      </c>
      <c r="E189" s="20" t="s">
        <v>368</v>
      </c>
      <c r="F189" s="24" t="s">
        <v>801</v>
      </c>
      <c r="G189" s="24" t="s">
        <v>1080</v>
      </c>
      <c r="H189" s="10" t="s">
        <v>470</v>
      </c>
      <c r="I189" s="21"/>
    </row>
    <row r="190" spans="1:9" ht="27.75" customHeight="1">
      <c r="A190" s="7" t="s">
        <v>353</v>
      </c>
      <c r="B190" s="20" t="s">
        <v>704</v>
      </c>
      <c r="C190" s="20">
        <v>21</v>
      </c>
      <c r="D190" s="23" t="s">
        <v>719</v>
      </c>
      <c r="E190" s="20" t="s">
        <v>368</v>
      </c>
      <c r="F190" s="24" t="s">
        <v>802</v>
      </c>
      <c r="G190" s="24" t="s">
        <v>1083</v>
      </c>
      <c r="H190" s="10" t="s">
        <v>470</v>
      </c>
      <c r="I190" s="21"/>
    </row>
    <row r="191" spans="1:9" ht="27.75" customHeight="1">
      <c r="A191" s="7" t="s">
        <v>353</v>
      </c>
      <c r="B191" s="20" t="s">
        <v>704</v>
      </c>
      <c r="C191" s="20">
        <v>22</v>
      </c>
      <c r="D191" s="23" t="s">
        <v>727</v>
      </c>
      <c r="E191" s="20" t="s">
        <v>368</v>
      </c>
      <c r="F191" s="24" t="s">
        <v>803</v>
      </c>
      <c r="G191" s="24" t="s">
        <v>1076</v>
      </c>
      <c r="H191" s="10" t="s">
        <v>470</v>
      </c>
      <c r="I191" s="21"/>
    </row>
    <row r="192" spans="1:9" ht="27.75" customHeight="1">
      <c r="A192" s="7" t="s">
        <v>353</v>
      </c>
      <c r="B192" s="20" t="s">
        <v>704</v>
      </c>
      <c r="C192" s="20">
        <v>23</v>
      </c>
      <c r="D192" s="23" t="s">
        <v>728</v>
      </c>
      <c r="E192" s="20" t="s">
        <v>814</v>
      </c>
      <c r="F192" s="24" t="s">
        <v>736</v>
      </c>
      <c r="G192" s="24" t="s">
        <v>1084</v>
      </c>
      <c r="H192" s="10" t="s">
        <v>470</v>
      </c>
      <c r="I192" s="21"/>
    </row>
    <row r="193" spans="1:9" ht="27.75" customHeight="1">
      <c r="A193" s="7" t="s">
        <v>353</v>
      </c>
      <c r="B193" s="20" t="s">
        <v>704</v>
      </c>
      <c r="C193" s="20">
        <v>24</v>
      </c>
      <c r="D193" s="23" t="s">
        <v>715</v>
      </c>
      <c r="E193" s="20" t="s">
        <v>368</v>
      </c>
      <c r="F193" s="24" t="s">
        <v>804</v>
      </c>
      <c r="G193" s="24" t="s">
        <v>1080</v>
      </c>
      <c r="H193" s="10" t="s">
        <v>470</v>
      </c>
      <c r="I193" s="21"/>
    </row>
    <row r="194" spans="1:9" ht="27.75" customHeight="1">
      <c r="A194" s="7" t="s">
        <v>353</v>
      </c>
      <c r="B194" s="20" t="s">
        <v>704</v>
      </c>
      <c r="C194" s="20">
        <v>25</v>
      </c>
      <c r="D194" s="23" t="s">
        <v>733</v>
      </c>
      <c r="E194" s="20" t="s">
        <v>812</v>
      </c>
      <c r="F194" s="24" t="s">
        <v>805</v>
      </c>
      <c r="G194" s="24" t="s">
        <v>1085</v>
      </c>
      <c r="H194" s="10" t="s">
        <v>470</v>
      </c>
      <c r="I194" s="21"/>
    </row>
    <row r="195" spans="1:9" ht="27.75" customHeight="1">
      <c r="A195" s="7" t="s">
        <v>353</v>
      </c>
      <c r="B195" s="20" t="s">
        <v>704</v>
      </c>
      <c r="C195" s="20">
        <v>26</v>
      </c>
      <c r="D195" s="23" t="s">
        <v>722</v>
      </c>
      <c r="E195" s="20" t="s">
        <v>368</v>
      </c>
      <c r="F195" s="24" t="s">
        <v>806</v>
      </c>
      <c r="G195" s="24" t="s">
        <v>1079</v>
      </c>
      <c r="H195" s="10" t="s">
        <v>470</v>
      </c>
      <c r="I195" s="21"/>
    </row>
    <row r="196" spans="1:9" ht="27.75" customHeight="1">
      <c r="A196" s="7" t="s">
        <v>353</v>
      </c>
      <c r="B196" s="20" t="s">
        <v>704</v>
      </c>
      <c r="C196" s="20">
        <v>27</v>
      </c>
      <c r="D196" s="23" t="s">
        <v>709</v>
      </c>
      <c r="E196" s="20" t="s">
        <v>368</v>
      </c>
      <c r="F196" s="24" t="s">
        <v>807</v>
      </c>
      <c r="G196" s="24" t="s">
        <v>1076</v>
      </c>
      <c r="H196" s="10" t="s">
        <v>470</v>
      </c>
      <c r="I196" s="21"/>
    </row>
    <row r="197" spans="1:9" ht="27.75" customHeight="1">
      <c r="A197" s="7" t="s">
        <v>353</v>
      </c>
      <c r="B197" s="20" t="s">
        <v>704</v>
      </c>
      <c r="C197" s="20">
        <v>28</v>
      </c>
      <c r="D197" s="23" t="s">
        <v>725</v>
      </c>
      <c r="E197" s="20" t="s">
        <v>813</v>
      </c>
      <c r="F197" s="24" t="s">
        <v>735</v>
      </c>
      <c r="G197" s="24" t="s">
        <v>8</v>
      </c>
      <c r="H197" s="10" t="s">
        <v>470</v>
      </c>
      <c r="I197" s="21"/>
    </row>
    <row r="198" spans="1:9" ht="27.75" customHeight="1">
      <c r="A198" s="7" t="s">
        <v>353</v>
      </c>
      <c r="B198" s="20" t="s">
        <v>704</v>
      </c>
      <c r="C198" s="20">
        <v>29</v>
      </c>
      <c r="D198" s="23" t="s">
        <v>717</v>
      </c>
      <c r="E198" s="20" t="s">
        <v>368</v>
      </c>
      <c r="F198" s="24" t="s">
        <v>807</v>
      </c>
      <c r="G198" s="24" t="s">
        <v>1076</v>
      </c>
      <c r="H198" s="10" t="s">
        <v>470</v>
      </c>
      <c r="I198" s="21"/>
    </row>
    <row r="199" spans="1:9" ht="27.75" customHeight="1">
      <c r="A199" s="7" t="s">
        <v>353</v>
      </c>
      <c r="B199" s="20" t="s">
        <v>704</v>
      </c>
      <c r="C199" s="20">
        <v>30</v>
      </c>
      <c r="D199" s="23" t="s">
        <v>729</v>
      </c>
      <c r="E199" s="20" t="s">
        <v>368</v>
      </c>
      <c r="F199" s="24" t="s">
        <v>808</v>
      </c>
      <c r="G199" s="24" t="s">
        <v>1074</v>
      </c>
      <c r="H199" s="10" t="s">
        <v>470</v>
      </c>
      <c r="I199" s="21"/>
    </row>
    <row r="200" spans="1:9" ht="27.75" customHeight="1">
      <c r="A200" s="7" t="s">
        <v>353</v>
      </c>
      <c r="B200" s="20" t="s">
        <v>704</v>
      </c>
      <c r="C200" s="20">
        <v>31</v>
      </c>
      <c r="D200" s="23" t="s">
        <v>730</v>
      </c>
      <c r="E200" s="20" t="s">
        <v>812</v>
      </c>
      <c r="F200" s="24" t="s">
        <v>809</v>
      </c>
      <c r="G200" s="24" t="s">
        <v>1064</v>
      </c>
      <c r="H200" s="10" t="s">
        <v>470</v>
      </c>
      <c r="I200" s="21"/>
    </row>
    <row r="201" spans="1:9" ht="27.75" customHeight="1">
      <c r="A201" s="7" t="s">
        <v>353</v>
      </c>
      <c r="B201" s="20" t="s">
        <v>704</v>
      </c>
      <c r="C201" s="20">
        <v>32</v>
      </c>
      <c r="D201" s="23" t="s">
        <v>731</v>
      </c>
      <c r="E201" s="20" t="s">
        <v>812</v>
      </c>
      <c r="F201" s="24" t="s">
        <v>810</v>
      </c>
      <c r="G201" s="24" t="s">
        <v>1062</v>
      </c>
      <c r="H201" s="10" t="s">
        <v>470</v>
      </c>
      <c r="I201" s="21"/>
    </row>
    <row r="202" spans="1:9" ht="27.75" customHeight="1">
      <c r="A202" s="7" t="s">
        <v>353</v>
      </c>
      <c r="B202" s="20" t="s">
        <v>704</v>
      </c>
      <c r="C202" s="20">
        <v>33</v>
      </c>
      <c r="D202" s="23" t="s">
        <v>732</v>
      </c>
      <c r="E202" s="20" t="s">
        <v>812</v>
      </c>
      <c r="F202" s="24" t="s">
        <v>811</v>
      </c>
      <c r="G202" s="24" t="s">
        <v>1085</v>
      </c>
      <c r="H202" s="10" t="s">
        <v>470</v>
      </c>
      <c r="I202" s="21"/>
    </row>
    <row r="203" spans="1:9" ht="27.75" customHeight="1">
      <c r="A203" s="7" t="s">
        <v>353</v>
      </c>
      <c r="B203" s="20" t="s">
        <v>704</v>
      </c>
      <c r="C203" s="20">
        <v>1</v>
      </c>
      <c r="D203" s="23" t="s">
        <v>739</v>
      </c>
      <c r="E203" s="20" t="s">
        <v>368</v>
      </c>
      <c r="F203" s="24" t="s">
        <v>760</v>
      </c>
      <c r="G203" s="24" t="s">
        <v>1074</v>
      </c>
      <c r="H203" s="10" t="s">
        <v>310</v>
      </c>
      <c r="I203" s="21"/>
    </row>
    <row r="204" spans="1:9" ht="27.75" customHeight="1">
      <c r="A204" s="7" t="s">
        <v>353</v>
      </c>
      <c r="B204" s="20" t="s">
        <v>704</v>
      </c>
      <c r="C204" s="20">
        <v>2</v>
      </c>
      <c r="D204" s="23" t="s">
        <v>740</v>
      </c>
      <c r="E204" s="20" t="s">
        <v>368</v>
      </c>
      <c r="F204" s="24" t="s">
        <v>761</v>
      </c>
      <c r="G204" s="24" t="s">
        <v>1076</v>
      </c>
      <c r="H204" s="10" t="s">
        <v>310</v>
      </c>
      <c r="I204" s="21"/>
    </row>
    <row r="205" spans="1:9" ht="27.75" customHeight="1">
      <c r="A205" s="7" t="s">
        <v>353</v>
      </c>
      <c r="B205" s="20" t="s">
        <v>704</v>
      </c>
      <c r="C205" s="20">
        <v>3</v>
      </c>
      <c r="D205" s="23" t="s">
        <v>742</v>
      </c>
      <c r="E205" s="20" t="s">
        <v>368</v>
      </c>
      <c r="F205" s="24" t="s">
        <v>762</v>
      </c>
      <c r="G205" s="24" t="s">
        <v>1074</v>
      </c>
      <c r="H205" s="10" t="s">
        <v>310</v>
      </c>
      <c r="I205" s="21"/>
    </row>
    <row r="206" spans="1:9" ht="27.75" customHeight="1">
      <c r="A206" s="7" t="s">
        <v>353</v>
      </c>
      <c r="B206" s="20" t="s">
        <v>704</v>
      </c>
      <c r="C206" s="20">
        <v>4</v>
      </c>
      <c r="D206" s="23" t="s">
        <v>743</v>
      </c>
      <c r="E206" s="20" t="s">
        <v>368</v>
      </c>
      <c r="F206" s="24" t="s">
        <v>763</v>
      </c>
      <c r="G206" s="24" t="s">
        <v>1086</v>
      </c>
      <c r="H206" s="10" t="s">
        <v>310</v>
      </c>
      <c r="I206" s="21"/>
    </row>
    <row r="207" spans="1:9" ht="27.75" customHeight="1">
      <c r="A207" s="7" t="s">
        <v>353</v>
      </c>
      <c r="B207" s="20" t="s">
        <v>704</v>
      </c>
      <c r="C207" s="20">
        <v>5</v>
      </c>
      <c r="D207" s="23" t="s">
        <v>744</v>
      </c>
      <c r="E207" s="20" t="s">
        <v>368</v>
      </c>
      <c r="F207" s="24" t="s">
        <v>764</v>
      </c>
      <c r="G207" s="24" t="s">
        <v>1087</v>
      </c>
      <c r="H207" s="10" t="s">
        <v>310</v>
      </c>
      <c r="I207" s="21"/>
    </row>
    <row r="208" spans="1:9" ht="27.75" customHeight="1">
      <c r="A208" s="7" t="s">
        <v>353</v>
      </c>
      <c r="B208" s="20" t="s">
        <v>704</v>
      </c>
      <c r="C208" s="20">
        <v>6</v>
      </c>
      <c r="D208" s="23" t="s">
        <v>745</v>
      </c>
      <c r="E208" s="20" t="s">
        <v>368</v>
      </c>
      <c r="F208" s="24" t="s">
        <v>765</v>
      </c>
      <c r="G208" s="24" t="s">
        <v>1088</v>
      </c>
      <c r="H208" s="10" t="s">
        <v>310</v>
      </c>
      <c r="I208" s="21"/>
    </row>
    <row r="209" spans="1:9" ht="27.75" customHeight="1">
      <c r="A209" s="7" t="s">
        <v>353</v>
      </c>
      <c r="B209" s="20" t="s">
        <v>704</v>
      </c>
      <c r="C209" s="20">
        <v>7</v>
      </c>
      <c r="D209" s="23" t="s">
        <v>746</v>
      </c>
      <c r="E209" s="20" t="s">
        <v>813</v>
      </c>
      <c r="F209" s="24" t="s">
        <v>766</v>
      </c>
      <c r="G209" s="24" t="s">
        <v>8</v>
      </c>
      <c r="H209" s="10" t="s">
        <v>310</v>
      </c>
      <c r="I209" s="21"/>
    </row>
    <row r="210" spans="1:9" ht="27.75" customHeight="1">
      <c r="A210" s="7" t="s">
        <v>353</v>
      </c>
      <c r="B210" s="20" t="s">
        <v>704</v>
      </c>
      <c r="C210" s="20">
        <v>8</v>
      </c>
      <c r="D210" s="23" t="s">
        <v>749</v>
      </c>
      <c r="E210" s="20" t="s">
        <v>813</v>
      </c>
      <c r="F210" s="24" t="s">
        <v>767</v>
      </c>
      <c r="G210" s="24" t="s">
        <v>8</v>
      </c>
      <c r="H210" s="10" t="s">
        <v>310</v>
      </c>
      <c r="I210" s="21"/>
    </row>
    <row r="211" spans="1:9" ht="27.75" customHeight="1">
      <c r="A211" s="7" t="s">
        <v>353</v>
      </c>
      <c r="B211" s="20" t="s">
        <v>704</v>
      </c>
      <c r="C211" s="20">
        <v>9</v>
      </c>
      <c r="D211" s="23" t="s">
        <v>758</v>
      </c>
      <c r="E211" s="20" t="s">
        <v>368</v>
      </c>
      <c r="F211" s="24" t="s">
        <v>768</v>
      </c>
      <c r="G211" s="24" t="s">
        <v>1083</v>
      </c>
      <c r="H211" s="10" t="s">
        <v>310</v>
      </c>
      <c r="I211" s="21"/>
    </row>
    <row r="212" spans="1:9" ht="27.75" customHeight="1">
      <c r="A212" s="7" t="s">
        <v>353</v>
      </c>
      <c r="B212" s="20" t="s">
        <v>704</v>
      </c>
      <c r="C212" s="20">
        <v>10</v>
      </c>
      <c r="D212" s="23" t="s">
        <v>748</v>
      </c>
      <c r="E212" s="20" t="s">
        <v>368</v>
      </c>
      <c r="F212" s="24" t="s">
        <v>769</v>
      </c>
      <c r="G212" s="24" t="s">
        <v>1075</v>
      </c>
      <c r="H212" s="10" t="s">
        <v>310</v>
      </c>
      <c r="I212" s="21"/>
    </row>
    <row r="213" spans="1:9" ht="27.75" customHeight="1">
      <c r="A213" s="7" t="s">
        <v>353</v>
      </c>
      <c r="B213" s="20" t="s">
        <v>704</v>
      </c>
      <c r="C213" s="20">
        <v>11</v>
      </c>
      <c r="D213" s="23" t="s">
        <v>751</v>
      </c>
      <c r="E213" s="20" t="s">
        <v>368</v>
      </c>
      <c r="F213" s="24" t="s">
        <v>770</v>
      </c>
      <c r="G213" s="24" t="s">
        <v>1088</v>
      </c>
      <c r="H213" s="10" t="s">
        <v>310</v>
      </c>
      <c r="I213" s="21"/>
    </row>
    <row r="214" spans="1:9" ht="27.75" customHeight="1">
      <c r="A214" s="7" t="s">
        <v>353</v>
      </c>
      <c r="B214" s="20" t="s">
        <v>704</v>
      </c>
      <c r="C214" s="20">
        <v>12</v>
      </c>
      <c r="D214" s="23" t="s">
        <v>737</v>
      </c>
      <c r="E214" s="20" t="s">
        <v>368</v>
      </c>
      <c r="F214" s="24" t="s">
        <v>771</v>
      </c>
      <c r="G214" s="24" t="s">
        <v>1076</v>
      </c>
      <c r="H214" s="10" t="s">
        <v>310</v>
      </c>
      <c r="I214" s="21"/>
    </row>
    <row r="215" spans="1:9" ht="27.75" customHeight="1">
      <c r="A215" s="7" t="s">
        <v>353</v>
      </c>
      <c r="B215" s="20" t="s">
        <v>704</v>
      </c>
      <c r="C215" s="20">
        <v>13</v>
      </c>
      <c r="D215" s="23" t="s">
        <v>759</v>
      </c>
      <c r="E215" s="20" t="s">
        <v>368</v>
      </c>
      <c r="F215" s="24" t="s">
        <v>772</v>
      </c>
      <c r="G215" s="24" t="s">
        <v>1079</v>
      </c>
      <c r="H215" s="10" t="s">
        <v>310</v>
      </c>
      <c r="I215" s="21"/>
    </row>
    <row r="216" spans="1:9" ht="27.75" customHeight="1">
      <c r="A216" s="7" t="s">
        <v>353</v>
      </c>
      <c r="B216" s="20" t="s">
        <v>704</v>
      </c>
      <c r="C216" s="20">
        <v>14</v>
      </c>
      <c r="D216" s="23" t="s">
        <v>753</v>
      </c>
      <c r="E216" s="20" t="s">
        <v>368</v>
      </c>
      <c r="F216" s="24" t="s">
        <v>773</v>
      </c>
      <c r="G216" s="24" t="s">
        <v>1089</v>
      </c>
      <c r="H216" s="10" t="s">
        <v>310</v>
      </c>
      <c r="I216" s="21"/>
    </row>
    <row r="217" spans="1:9" ht="27.75" customHeight="1">
      <c r="A217" s="7" t="s">
        <v>353</v>
      </c>
      <c r="B217" s="20" t="s">
        <v>704</v>
      </c>
      <c r="C217" s="20">
        <v>15</v>
      </c>
      <c r="D217" s="23" t="s">
        <v>752</v>
      </c>
      <c r="E217" s="20" t="s">
        <v>368</v>
      </c>
      <c r="F217" s="24" t="s">
        <v>774</v>
      </c>
      <c r="G217" s="24" t="s">
        <v>1089</v>
      </c>
      <c r="H217" s="10" t="s">
        <v>310</v>
      </c>
      <c r="I217" s="21"/>
    </row>
    <row r="218" spans="1:9" ht="27.75" customHeight="1">
      <c r="A218" s="7" t="s">
        <v>353</v>
      </c>
      <c r="B218" s="20" t="s">
        <v>704</v>
      </c>
      <c r="C218" s="20">
        <v>16</v>
      </c>
      <c r="D218" s="23" t="s">
        <v>754</v>
      </c>
      <c r="E218" s="20" t="s">
        <v>368</v>
      </c>
      <c r="F218" s="24" t="s">
        <v>775</v>
      </c>
      <c r="G218" s="24" t="s">
        <v>1076</v>
      </c>
      <c r="H218" s="10" t="s">
        <v>310</v>
      </c>
      <c r="I218" s="21"/>
    </row>
    <row r="219" spans="1:9" ht="27.75" customHeight="1">
      <c r="A219" s="7" t="s">
        <v>353</v>
      </c>
      <c r="B219" s="20" t="s">
        <v>704</v>
      </c>
      <c r="C219" s="20">
        <v>17</v>
      </c>
      <c r="D219" s="23" t="s">
        <v>738</v>
      </c>
      <c r="E219" s="20" t="s">
        <v>368</v>
      </c>
      <c r="F219" s="24" t="s">
        <v>776</v>
      </c>
      <c r="G219" s="24" t="s">
        <v>1081</v>
      </c>
      <c r="H219" s="10" t="s">
        <v>310</v>
      </c>
      <c r="I219" s="21"/>
    </row>
    <row r="220" spans="1:9" ht="27.75" customHeight="1">
      <c r="A220" s="7" t="s">
        <v>353</v>
      </c>
      <c r="B220" s="20" t="s">
        <v>704</v>
      </c>
      <c r="C220" s="20">
        <v>18</v>
      </c>
      <c r="D220" s="23" t="s">
        <v>755</v>
      </c>
      <c r="E220" s="20" t="s">
        <v>368</v>
      </c>
      <c r="F220" s="24" t="s">
        <v>777</v>
      </c>
      <c r="G220" s="24" t="s">
        <v>1081</v>
      </c>
      <c r="H220" s="10" t="s">
        <v>310</v>
      </c>
      <c r="I220" s="21"/>
    </row>
    <row r="221" spans="1:9" ht="27.75" customHeight="1">
      <c r="A221" s="7" t="s">
        <v>353</v>
      </c>
      <c r="B221" s="20" t="s">
        <v>704</v>
      </c>
      <c r="C221" s="20">
        <v>19</v>
      </c>
      <c r="D221" s="23" t="s">
        <v>756</v>
      </c>
      <c r="E221" s="20" t="s">
        <v>814</v>
      </c>
      <c r="F221" s="24" t="s">
        <v>778</v>
      </c>
      <c r="G221" s="24" t="s">
        <v>1088</v>
      </c>
      <c r="H221" s="10" t="s">
        <v>310</v>
      </c>
      <c r="I221" s="21"/>
    </row>
    <row r="222" spans="1:9" ht="27.75" customHeight="1">
      <c r="A222" s="7" t="s">
        <v>353</v>
      </c>
      <c r="B222" s="20" t="s">
        <v>704</v>
      </c>
      <c r="C222" s="20">
        <v>20</v>
      </c>
      <c r="D222" s="23" t="s">
        <v>757</v>
      </c>
      <c r="E222" s="20" t="s">
        <v>368</v>
      </c>
      <c r="F222" s="24" t="s">
        <v>779</v>
      </c>
      <c r="G222" s="24" t="s">
        <v>1090</v>
      </c>
      <c r="H222" s="10" t="s">
        <v>310</v>
      </c>
      <c r="I222" s="21"/>
    </row>
    <row r="223" spans="1:9" ht="27.75" customHeight="1">
      <c r="A223" s="7" t="s">
        <v>353</v>
      </c>
      <c r="B223" s="20" t="s">
        <v>704</v>
      </c>
      <c r="C223" s="20">
        <v>21</v>
      </c>
      <c r="D223" s="23" t="s">
        <v>747</v>
      </c>
      <c r="E223" s="20" t="s">
        <v>368</v>
      </c>
      <c r="F223" s="24" t="s">
        <v>780</v>
      </c>
      <c r="G223" s="24" t="s">
        <v>1076</v>
      </c>
      <c r="H223" s="10" t="s">
        <v>310</v>
      </c>
      <c r="I223" s="21"/>
    </row>
    <row r="224" spans="1:9" ht="27.75" customHeight="1">
      <c r="A224" s="7" t="s">
        <v>353</v>
      </c>
      <c r="B224" s="20" t="s">
        <v>815</v>
      </c>
      <c r="C224" s="20">
        <v>22</v>
      </c>
      <c r="D224" s="23" t="s">
        <v>741</v>
      </c>
      <c r="E224" s="20" t="s">
        <v>368</v>
      </c>
      <c r="F224" s="24" t="s">
        <v>781</v>
      </c>
      <c r="G224" s="24" t="s">
        <v>1088</v>
      </c>
      <c r="H224" s="10" t="s">
        <v>310</v>
      </c>
      <c r="I224" s="21"/>
    </row>
    <row r="225" spans="1:9" ht="27.75" customHeight="1">
      <c r="A225" s="7" t="s">
        <v>353</v>
      </c>
      <c r="B225" s="20" t="s">
        <v>815</v>
      </c>
      <c r="C225" s="20">
        <v>23</v>
      </c>
      <c r="D225" s="23" t="s">
        <v>750</v>
      </c>
      <c r="E225" s="20" t="s">
        <v>368</v>
      </c>
      <c r="F225" s="24" t="s">
        <v>782</v>
      </c>
      <c r="G225" s="24" t="s">
        <v>1073</v>
      </c>
      <c r="H225" s="10" t="s">
        <v>310</v>
      </c>
      <c r="I225" s="21"/>
    </row>
    <row r="226" spans="1:9" ht="27.75" customHeight="1">
      <c r="A226" s="7" t="s">
        <v>353</v>
      </c>
      <c r="B226" s="20" t="s">
        <v>652</v>
      </c>
      <c r="C226" s="20">
        <v>1</v>
      </c>
      <c r="D226" s="10" t="s">
        <v>588</v>
      </c>
      <c r="E226" s="17" t="s">
        <v>584</v>
      </c>
      <c r="F226" s="24" t="s">
        <v>598</v>
      </c>
      <c r="G226" s="13" t="s">
        <v>1091</v>
      </c>
      <c r="H226" s="10" t="s">
        <v>470</v>
      </c>
      <c r="I226" s="21"/>
    </row>
    <row r="227" spans="1:9" ht="27.75" customHeight="1">
      <c r="A227" s="7" t="s">
        <v>353</v>
      </c>
      <c r="B227" s="20" t="s">
        <v>652</v>
      </c>
      <c r="C227" s="20">
        <v>2</v>
      </c>
      <c r="D227" s="10" t="s">
        <v>589</v>
      </c>
      <c r="E227" s="17" t="s">
        <v>584</v>
      </c>
      <c r="F227" s="24" t="s">
        <v>599</v>
      </c>
      <c r="G227" s="13" t="s">
        <v>1092</v>
      </c>
      <c r="H227" s="10" t="s">
        <v>470</v>
      </c>
      <c r="I227" s="21"/>
    </row>
    <row r="228" spans="1:9" ht="27.75" customHeight="1">
      <c r="A228" s="7" t="s">
        <v>353</v>
      </c>
      <c r="B228" s="20" t="s">
        <v>652</v>
      </c>
      <c r="C228" s="20">
        <v>3</v>
      </c>
      <c r="D228" s="10" t="s">
        <v>590</v>
      </c>
      <c r="E228" s="17" t="s">
        <v>584</v>
      </c>
      <c r="F228" s="24" t="s">
        <v>600</v>
      </c>
      <c r="G228" s="13" t="s">
        <v>1091</v>
      </c>
      <c r="H228" s="10" t="s">
        <v>470</v>
      </c>
      <c r="I228" s="21"/>
    </row>
    <row r="229" spans="1:9" ht="27.75" customHeight="1">
      <c r="A229" s="7" t="s">
        <v>353</v>
      </c>
      <c r="B229" s="20" t="s">
        <v>652</v>
      </c>
      <c r="C229" s="20">
        <v>4</v>
      </c>
      <c r="D229" s="10" t="s">
        <v>591</v>
      </c>
      <c r="E229" s="17" t="s">
        <v>585</v>
      </c>
      <c r="F229" s="24" t="s">
        <v>601</v>
      </c>
      <c r="G229" s="13" t="s">
        <v>1093</v>
      </c>
      <c r="H229" s="10" t="s">
        <v>470</v>
      </c>
      <c r="I229" s="21"/>
    </row>
    <row r="230" spans="1:9" ht="27.75" customHeight="1">
      <c r="A230" s="7" t="s">
        <v>353</v>
      </c>
      <c r="B230" s="20" t="s">
        <v>652</v>
      </c>
      <c r="C230" s="20">
        <v>5</v>
      </c>
      <c r="D230" s="10" t="s">
        <v>592</v>
      </c>
      <c r="E230" s="26" t="s">
        <v>346</v>
      </c>
      <c r="F230" s="24" t="s">
        <v>481</v>
      </c>
      <c r="G230" s="13" t="s">
        <v>1</v>
      </c>
      <c r="H230" s="10" t="s">
        <v>470</v>
      </c>
      <c r="I230" s="21"/>
    </row>
    <row r="231" spans="1:9" ht="27.75" customHeight="1">
      <c r="A231" s="7" t="s">
        <v>353</v>
      </c>
      <c r="B231" s="20" t="s">
        <v>652</v>
      </c>
      <c r="C231" s="20">
        <v>6</v>
      </c>
      <c r="D231" s="10" t="s">
        <v>593</v>
      </c>
      <c r="E231" s="17" t="s">
        <v>584</v>
      </c>
      <c r="F231" s="24" t="s">
        <v>602</v>
      </c>
      <c r="G231" s="13" t="s">
        <v>1094</v>
      </c>
      <c r="H231" s="10" t="s">
        <v>470</v>
      </c>
      <c r="I231" s="21"/>
    </row>
    <row r="232" spans="1:9" ht="27.75" customHeight="1">
      <c r="A232" s="7" t="s">
        <v>353</v>
      </c>
      <c r="B232" s="20" t="s">
        <v>652</v>
      </c>
      <c r="C232" s="20">
        <v>7</v>
      </c>
      <c r="D232" s="10" t="s">
        <v>594</v>
      </c>
      <c r="E232" s="17" t="s">
        <v>584</v>
      </c>
      <c r="F232" s="24" t="s">
        <v>603</v>
      </c>
      <c r="G232" s="13" t="s">
        <v>1092</v>
      </c>
      <c r="H232" s="10" t="s">
        <v>470</v>
      </c>
      <c r="I232" s="21"/>
    </row>
    <row r="233" spans="1:9" ht="27.75" customHeight="1">
      <c r="A233" s="7" t="s">
        <v>353</v>
      </c>
      <c r="B233" s="20" t="s">
        <v>652</v>
      </c>
      <c r="C233" s="20">
        <v>8</v>
      </c>
      <c r="D233" s="10" t="s">
        <v>595</v>
      </c>
      <c r="E233" s="17" t="s">
        <v>584</v>
      </c>
      <c r="F233" s="24" t="s">
        <v>604</v>
      </c>
      <c r="G233" s="13" t="s">
        <v>1092</v>
      </c>
      <c r="H233" s="10" t="s">
        <v>470</v>
      </c>
      <c r="I233" s="21"/>
    </row>
    <row r="234" spans="1:9" ht="27.75" customHeight="1">
      <c r="A234" s="7" t="s">
        <v>353</v>
      </c>
      <c r="B234" s="20" t="s">
        <v>652</v>
      </c>
      <c r="C234" s="20">
        <v>9</v>
      </c>
      <c r="D234" s="10" t="s">
        <v>596</v>
      </c>
      <c r="E234" s="17" t="s">
        <v>584</v>
      </c>
      <c r="F234" s="24" t="s">
        <v>605</v>
      </c>
      <c r="G234" s="13" t="s">
        <v>1094</v>
      </c>
      <c r="H234" s="10" t="s">
        <v>470</v>
      </c>
      <c r="I234" s="21"/>
    </row>
    <row r="235" spans="1:9" ht="27.75" customHeight="1">
      <c r="A235" s="7" t="s">
        <v>353</v>
      </c>
      <c r="B235" s="20" t="s">
        <v>652</v>
      </c>
      <c r="C235" s="20">
        <v>10</v>
      </c>
      <c r="D235" s="10" t="s">
        <v>597</v>
      </c>
      <c r="E235" s="17" t="s">
        <v>584</v>
      </c>
      <c r="F235" s="24" t="s">
        <v>181</v>
      </c>
      <c r="G235" s="13" t="s">
        <v>1091</v>
      </c>
      <c r="H235" s="10" t="s">
        <v>470</v>
      </c>
      <c r="I235" s="21"/>
    </row>
    <row r="236" spans="1:9" ht="27.75" customHeight="1">
      <c r="A236" s="7" t="s">
        <v>353</v>
      </c>
      <c r="B236" s="20" t="s">
        <v>652</v>
      </c>
      <c r="C236" s="20">
        <v>11</v>
      </c>
      <c r="D236" s="10" t="s">
        <v>606</v>
      </c>
      <c r="E236" s="17" t="s">
        <v>585</v>
      </c>
      <c r="F236" s="24" t="s">
        <v>616</v>
      </c>
      <c r="G236" s="13" t="s">
        <v>1093</v>
      </c>
      <c r="H236" s="10" t="s">
        <v>470</v>
      </c>
      <c r="I236" s="21"/>
    </row>
    <row r="237" spans="1:9" ht="27.75" customHeight="1">
      <c r="A237" s="7" t="s">
        <v>353</v>
      </c>
      <c r="B237" s="20" t="s">
        <v>652</v>
      </c>
      <c r="C237" s="20">
        <v>12</v>
      </c>
      <c r="D237" s="10" t="s">
        <v>607</v>
      </c>
      <c r="E237" s="17" t="s">
        <v>584</v>
      </c>
      <c r="F237" s="24" t="s">
        <v>617</v>
      </c>
      <c r="G237" s="13" t="s">
        <v>1095</v>
      </c>
      <c r="H237" s="10" t="s">
        <v>470</v>
      </c>
      <c r="I237" s="21"/>
    </row>
    <row r="238" spans="1:9" ht="27.75" customHeight="1">
      <c r="A238" s="7" t="s">
        <v>353</v>
      </c>
      <c r="B238" s="20" t="s">
        <v>652</v>
      </c>
      <c r="C238" s="20">
        <v>13</v>
      </c>
      <c r="D238" s="10" t="s">
        <v>608</v>
      </c>
      <c r="E238" s="17" t="s">
        <v>584</v>
      </c>
      <c r="F238" s="24" t="s">
        <v>618</v>
      </c>
      <c r="G238" s="13" t="s">
        <v>1095</v>
      </c>
      <c r="H238" s="10" t="s">
        <v>470</v>
      </c>
      <c r="I238" s="21"/>
    </row>
    <row r="239" spans="1:9" ht="27.75" customHeight="1">
      <c r="A239" s="7" t="s">
        <v>353</v>
      </c>
      <c r="B239" s="20" t="s">
        <v>652</v>
      </c>
      <c r="C239" s="20">
        <v>14</v>
      </c>
      <c r="D239" s="10" t="s">
        <v>609</v>
      </c>
      <c r="E239" s="17" t="s">
        <v>584</v>
      </c>
      <c r="F239" s="24" t="s">
        <v>619</v>
      </c>
      <c r="G239" s="13" t="s">
        <v>1096</v>
      </c>
      <c r="H239" s="10" t="s">
        <v>470</v>
      </c>
      <c r="I239" s="21"/>
    </row>
    <row r="240" spans="1:9" ht="27.75" customHeight="1">
      <c r="A240" s="7" t="s">
        <v>353</v>
      </c>
      <c r="B240" s="20" t="s">
        <v>652</v>
      </c>
      <c r="C240" s="20">
        <v>15</v>
      </c>
      <c r="D240" s="10" t="s">
        <v>610</v>
      </c>
      <c r="E240" s="17" t="s">
        <v>584</v>
      </c>
      <c r="F240" s="24" t="s">
        <v>620</v>
      </c>
      <c r="G240" s="13" t="s">
        <v>1097</v>
      </c>
      <c r="H240" s="10" t="s">
        <v>470</v>
      </c>
      <c r="I240" s="21"/>
    </row>
    <row r="241" spans="1:9" ht="27.75" customHeight="1">
      <c r="A241" s="7" t="s">
        <v>353</v>
      </c>
      <c r="B241" s="20" t="s">
        <v>652</v>
      </c>
      <c r="C241" s="20">
        <v>16</v>
      </c>
      <c r="D241" s="10" t="s">
        <v>611</v>
      </c>
      <c r="E241" s="17" t="s">
        <v>584</v>
      </c>
      <c r="F241" s="24" t="s">
        <v>621</v>
      </c>
      <c r="G241" s="13" t="s">
        <v>1098</v>
      </c>
      <c r="H241" s="10" t="s">
        <v>470</v>
      </c>
      <c r="I241" s="21"/>
    </row>
    <row r="242" spans="1:9" ht="27.75" customHeight="1">
      <c r="A242" s="7" t="s">
        <v>353</v>
      </c>
      <c r="B242" s="20" t="s">
        <v>652</v>
      </c>
      <c r="C242" s="20">
        <v>17</v>
      </c>
      <c r="D242" s="10" t="s">
        <v>612</v>
      </c>
      <c r="E242" s="26" t="s">
        <v>346</v>
      </c>
      <c r="F242" s="24" t="s">
        <v>622</v>
      </c>
      <c r="G242" s="13" t="s">
        <v>1099</v>
      </c>
      <c r="H242" s="10" t="s">
        <v>470</v>
      </c>
      <c r="I242" s="21"/>
    </row>
    <row r="243" spans="1:9" ht="27.75" customHeight="1">
      <c r="A243" s="7" t="s">
        <v>353</v>
      </c>
      <c r="B243" s="20" t="s">
        <v>652</v>
      </c>
      <c r="C243" s="20">
        <v>18</v>
      </c>
      <c r="D243" s="10" t="s">
        <v>613</v>
      </c>
      <c r="E243" s="17" t="s">
        <v>584</v>
      </c>
      <c r="F243" s="24" t="s">
        <v>623</v>
      </c>
      <c r="G243" s="13" t="s">
        <v>1095</v>
      </c>
      <c r="H243" s="10" t="s">
        <v>470</v>
      </c>
      <c r="I243" s="21"/>
    </row>
    <row r="244" spans="1:9" ht="27.75" customHeight="1">
      <c r="A244" s="7" t="s">
        <v>353</v>
      </c>
      <c r="B244" s="20" t="s">
        <v>652</v>
      </c>
      <c r="C244" s="20">
        <v>19</v>
      </c>
      <c r="D244" s="10" t="s">
        <v>614</v>
      </c>
      <c r="E244" s="17" t="s">
        <v>584</v>
      </c>
      <c r="F244" s="24" t="s">
        <v>624</v>
      </c>
      <c r="G244" s="13" t="s">
        <v>1100</v>
      </c>
      <c r="H244" s="10" t="s">
        <v>470</v>
      </c>
      <c r="I244" s="21"/>
    </row>
    <row r="245" spans="1:9" ht="27.75" customHeight="1">
      <c r="A245" s="7" t="s">
        <v>353</v>
      </c>
      <c r="B245" s="20" t="s">
        <v>652</v>
      </c>
      <c r="C245" s="20">
        <v>20</v>
      </c>
      <c r="D245" s="10" t="s">
        <v>615</v>
      </c>
      <c r="E245" s="17" t="s">
        <v>584</v>
      </c>
      <c r="F245" s="24" t="s">
        <v>625</v>
      </c>
      <c r="G245" s="13" t="s">
        <v>1096</v>
      </c>
      <c r="H245" s="10" t="s">
        <v>470</v>
      </c>
      <c r="I245" s="21"/>
    </row>
    <row r="246" spans="1:9" ht="27.75" customHeight="1">
      <c r="A246" s="7" t="s">
        <v>353</v>
      </c>
      <c r="B246" s="20" t="s">
        <v>652</v>
      </c>
      <c r="C246" s="20">
        <v>21</v>
      </c>
      <c r="D246" s="10" t="s">
        <v>626</v>
      </c>
      <c r="E246" s="17" t="s">
        <v>584</v>
      </c>
      <c r="F246" s="24" t="s">
        <v>636</v>
      </c>
      <c r="G246" s="13" t="s">
        <v>1100</v>
      </c>
      <c r="H246" s="10" t="s">
        <v>470</v>
      </c>
      <c r="I246" s="21"/>
    </row>
    <row r="247" spans="1:9" ht="27.75" customHeight="1">
      <c r="A247" s="7" t="s">
        <v>353</v>
      </c>
      <c r="B247" s="20" t="s">
        <v>652</v>
      </c>
      <c r="C247" s="20">
        <v>22</v>
      </c>
      <c r="D247" s="10" t="s">
        <v>627</v>
      </c>
      <c r="E247" s="26" t="s">
        <v>346</v>
      </c>
      <c r="F247" s="24" t="s">
        <v>637</v>
      </c>
      <c r="G247" s="13" t="s">
        <v>1101</v>
      </c>
      <c r="H247" s="10" t="s">
        <v>470</v>
      </c>
      <c r="I247" s="21"/>
    </row>
    <row r="248" spans="1:9" ht="27.75" customHeight="1">
      <c r="A248" s="7" t="s">
        <v>353</v>
      </c>
      <c r="B248" s="20" t="s">
        <v>652</v>
      </c>
      <c r="C248" s="20">
        <v>23</v>
      </c>
      <c r="D248" s="10" t="s">
        <v>628</v>
      </c>
      <c r="E248" s="17" t="s">
        <v>585</v>
      </c>
      <c r="F248" s="24" t="s">
        <v>638</v>
      </c>
      <c r="G248" s="13" t="s">
        <v>1102</v>
      </c>
      <c r="H248" s="10" t="s">
        <v>470</v>
      </c>
      <c r="I248" s="21"/>
    </row>
    <row r="249" spans="1:9" ht="27.75" customHeight="1">
      <c r="A249" s="7" t="s">
        <v>353</v>
      </c>
      <c r="B249" s="20" t="s">
        <v>652</v>
      </c>
      <c r="C249" s="20">
        <v>24</v>
      </c>
      <c r="D249" s="10" t="s">
        <v>629</v>
      </c>
      <c r="E249" s="17" t="s">
        <v>584</v>
      </c>
      <c r="F249" s="24" t="s">
        <v>639</v>
      </c>
      <c r="G249" s="13" t="s">
        <v>1092</v>
      </c>
      <c r="H249" s="10" t="s">
        <v>470</v>
      </c>
      <c r="I249" s="21"/>
    </row>
    <row r="250" spans="1:9" ht="27.75" customHeight="1">
      <c r="A250" s="7" t="s">
        <v>353</v>
      </c>
      <c r="B250" s="20" t="s">
        <v>652</v>
      </c>
      <c r="C250" s="20">
        <v>25</v>
      </c>
      <c r="D250" s="10" t="s">
        <v>630</v>
      </c>
      <c r="E250" s="17" t="s">
        <v>584</v>
      </c>
      <c r="F250" s="24" t="s">
        <v>640</v>
      </c>
      <c r="G250" s="13" t="s">
        <v>1092</v>
      </c>
      <c r="H250" s="10" t="s">
        <v>470</v>
      </c>
      <c r="I250" s="21"/>
    </row>
    <row r="251" spans="1:9" ht="27.75" customHeight="1">
      <c r="A251" s="7" t="s">
        <v>353</v>
      </c>
      <c r="B251" s="20" t="s">
        <v>652</v>
      </c>
      <c r="C251" s="20">
        <v>26</v>
      </c>
      <c r="D251" s="10" t="s">
        <v>631</v>
      </c>
      <c r="E251" s="17" t="s">
        <v>584</v>
      </c>
      <c r="F251" s="24" t="s">
        <v>641</v>
      </c>
      <c r="G251" s="13" t="s">
        <v>1092</v>
      </c>
      <c r="H251" s="10" t="s">
        <v>470</v>
      </c>
      <c r="I251" s="21"/>
    </row>
    <row r="252" spans="1:9" ht="27.75" customHeight="1">
      <c r="A252" s="7" t="s">
        <v>353</v>
      </c>
      <c r="B252" s="20" t="s">
        <v>652</v>
      </c>
      <c r="C252" s="20">
        <v>27</v>
      </c>
      <c r="D252" s="10" t="s">
        <v>632</v>
      </c>
      <c r="E252" s="17" t="s">
        <v>584</v>
      </c>
      <c r="F252" s="24" t="s">
        <v>642</v>
      </c>
      <c r="G252" s="13" t="s">
        <v>1095</v>
      </c>
      <c r="H252" s="10" t="s">
        <v>470</v>
      </c>
      <c r="I252" s="21"/>
    </row>
    <row r="253" spans="1:9" ht="27.75" customHeight="1">
      <c r="A253" s="7" t="s">
        <v>353</v>
      </c>
      <c r="B253" s="20" t="s">
        <v>652</v>
      </c>
      <c r="C253" s="20">
        <v>28</v>
      </c>
      <c r="D253" s="10" t="s">
        <v>633</v>
      </c>
      <c r="E253" s="26" t="s">
        <v>346</v>
      </c>
      <c r="F253" s="24" t="s">
        <v>643</v>
      </c>
      <c r="G253" s="13" t="s">
        <v>1103</v>
      </c>
      <c r="H253" s="10" t="s">
        <v>470</v>
      </c>
      <c r="I253" s="21"/>
    </row>
    <row r="254" spans="1:9" ht="27.75" customHeight="1">
      <c r="A254" s="7" t="s">
        <v>353</v>
      </c>
      <c r="B254" s="20" t="s">
        <v>652</v>
      </c>
      <c r="C254" s="20">
        <v>29</v>
      </c>
      <c r="D254" s="10" t="s">
        <v>634</v>
      </c>
      <c r="E254" s="26" t="s">
        <v>346</v>
      </c>
      <c r="F254" s="24" t="s">
        <v>644</v>
      </c>
      <c r="G254" s="13" t="s">
        <v>1103</v>
      </c>
      <c r="H254" s="10" t="s">
        <v>470</v>
      </c>
      <c r="I254" s="21"/>
    </row>
    <row r="255" spans="1:9" ht="27.75" customHeight="1">
      <c r="A255" s="7" t="s">
        <v>353</v>
      </c>
      <c r="B255" s="20" t="s">
        <v>652</v>
      </c>
      <c r="C255" s="20">
        <v>30</v>
      </c>
      <c r="D255" s="10" t="s">
        <v>635</v>
      </c>
      <c r="E255" s="26" t="s">
        <v>346</v>
      </c>
      <c r="F255" s="24" t="s">
        <v>645</v>
      </c>
      <c r="G255" s="13" t="s">
        <v>1104</v>
      </c>
      <c r="H255" s="10" t="s">
        <v>470</v>
      </c>
      <c r="I255" s="21"/>
    </row>
    <row r="256" spans="1:9" ht="27.75" customHeight="1">
      <c r="A256" s="7" t="s">
        <v>353</v>
      </c>
      <c r="B256" s="20" t="s">
        <v>652</v>
      </c>
      <c r="C256" s="20">
        <v>31</v>
      </c>
      <c r="D256" s="23" t="s">
        <v>646</v>
      </c>
      <c r="E256" s="17" t="s">
        <v>584</v>
      </c>
      <c r="F256" s="24" t="s">
        <v>647</v>
      </c>
      <c r="G256" s="13" t="s">
        <v>1097</v>
      </c>
      <c r="H256" s="10" t="s">
        <v>470</v>
      </c>
      <c r="I256" s="21"/>
    </row>
    <row r="257" spans="1:9" ht="27.75" customHeight="1">
      <c r="A257" s="7" t="s">
        <v>353</v>
      </c>
      <c r="B257" s="20" t="s">
        <v>652</v>
      </c>
      <c r="C257" s="20">
        <v>32</v>
      </c>
      <c r="D257" s="10" t="s">
        <v>648</v>
      </c>
      <c r="E257" s="17" t="s">
        <v>584</v>
      </c>
      <c r="F257" s="24" t="s">
        <v>649</v>
      </c>
      <c r="G257" s="13" t="s">
        <v>1105</v>
      </c>
      <c r="H257" s="10" t="s">
        <v>470</v>
      </c>
      <c r="I257" s="21"/>
    </row>
    <row r="258" spans="1:9" ht="27.75" customHeight="1">
      <c r="A258" s="7" t="s">
        <v>353</v>
      </c>
      <c r="B258" s="20" t="s">
        <v>652</v>
      </c>
      <c r="C258" s="20">
        <v>33</v>
      </c>
      <c r="D258" s="10" t="s">
        <v>650</v>
      </c>
      <c r="E258" s="26" t="s">
        <v>346</v>
      </c>
      <c r="F258" s="24" t="s">
        <v>651</v>
      </c>
      <c r="G258" s="13" t="s">
        <v>1106</v>
      </c>
      <c r="H258" s="10" t="s">
        <v>470</v>
      </c>
      <c r="I258" s="21"/>
    </row>
    <row r="259" spans="1:9" ht="27.75" customHeight="1">
      <c r="A259" s="7" t="s">
        <v>353</v>
      </c>
      <c r="B259" s="20" t="s">
        <v>652</v>
      </c>
      <c r="C259" s="20">
        <v>1</v>
      </c>
      <c r="D259" s="19" t="s">
        <v>663</v>
      </c>
      <c r="E259" s="17" t="s">
        <v>585</v>
      </c>
      <c r="F259" s="24" t="s">
        <v>653</v>
      </c>
      <c r="G259" s="16" t="s">
        <v>1107</v>
      </c>
      <c r="H259" s="10" t="s">
        <v>310</v>
      </c>
      <c r="I259" s="21"/>
    </row>
    <row r="260" spans="1:9" ht="27.75" customHeight="1">
      <c r="A260" s="7" t="s">
        <v>353</v>
      </c>
      <c r="B260" s="20" t="s">
        <v>652</v>
      </c>
      <c r="C260" s="20">
        <v>2</v>
      </c>
      <c r="D260" s="19" t="s">
        <v>664</v>
      </c>
      <c r="E260" s="17" t="s">
        <v>584</v>
      </c>
      <c r="F260" s="24" t="s">
        <v>654</v>
      </c>
      <c r="G260" s="16" t="s">
        <v>1095</v>
      </c>
      <c r="H260" s="10" t="s">
        <v>310</v>
      </c>
      <c r="I260" s="21"/>
    </row>
    <row r="261" spans="1:9" ht="27.75" customHeight="1">
      <c r="A261" s="7" t="s">
        <v>353</v>
      </c>
      <c r="B261" s="20" t="s">
        <v>652</v>
      </c>
      <c r="C261" s="20">
        <v>3</v>
      </c>
      <c r="D261" s="10" t="s">
        <v>665</v>
      </c>
      <c r="E261" s="17" t="s">
        <v>584</v>
      </c>
      <c r="F261" s="24" t="s">
        <v>655</v>
      </c>
      <c r="G261" s="13" t="s">
        <v>1094</v>
      </c>
      <c r="H261" s="10" t="s">
        <v>310</v>
      </c>
      <c r="I261" s="21"/>
    </row>
    <row r="262" spans="1:9" ht="27.75" customHeight="1">
      <c r="A262" s="7" t="s">
        <v>353</v>
      </c>
      <c r="B262" s="20" t="s">
        <v>652</v>
      </c>
      <c r="C262" s="20">
        <v>4</v>
      </c>
      <c r="D262" s="19" t="s">
        <v>666</v>
      </c>
      <c r="E262" s="17" t="s">
        <v>584</v>
      </c>
      <c r="F262" s="24" t="s">
        <v>656</v>
      </c>
      <c r="G262" s="16" t="s">
        <v>1107</v>
      </c>
      <c r="H262" s="10" t="s">
        <v>310</v>
      </c>
      <c r="I262" s="21"/>
    </row>
    <row r="263" spans="1:9" ht="27.75" customHeight="1">
      <c r="A263" s="7" t="s">
        <v>353</v>
      </c>
      <c r="B263" s="20" t="s">
        <v>652</v>
      </c>
      <c r="C263" s="20">
        <v>5</v>
      </c>
      <c r="D263" s="19" t="s">
        <v>667</v>
      </c>
      <c r="E263" s="17" t="s">
        <v>586</v>
      </c>
      <c r="F263" s="24" t="s">
        <v>657</v>
      </c>
      <c r="G263" s="16" t="s">
        <v>5</v>
      </c>
      <c r="H263" s="10" t="s">
        <v>310</v>
      </c>
      <c r="I263" s="21"/>
    </row>
    <row r="264" spans="1:9" ht="27.75" customHeight="1">
      <c r="A264" s="7" t="s">
        <v>353</v>
      </c>
      <c r="B264" s="20" t="s">
        <v>652</v>
      </c>
      <c r="C264" s="20">
        <v>6</v>
      </c>
      <c r="D264" s="19" t="s">
        <v>668</v>
      </c>
      <c r="E264" s="17" t="s">
        <v>584</v>
      </c>
      <c r="F264" s="24" t="s">
        <v>658</v>
      </c>
      <c r="G264" s="16" t="s">
        <v>1092</v>
      </c>
      <c r="H264" s="10" t="s">
        <v>310</v>
      </c>
      <c r="I264" s="21"/>
    </row>
    <row r="265" spans="1:9" ht="27.75" customHeight="1">
      <c r="A265" s="7" t="s">
        <v>353</v>
      </c>
      <c r="B265" s="20" t="s">
        <v>652</v>
      </c>
      <c r="C265" s="20">
        <v>7</v>
      </c>
      <c r="D265" s="19" t="s">
        <v>669</v>
      </c>
      <c r="E265" s="17" t="s">
        <v>584</v>
      </c>
      <c r="F265" s="24" t="s">
        <v>659</v>
      </c>
      <c r="G265" s="16" t="s">
        <v>1108</v>
      </c>
      <c r="H265" s="10" t="s">
        <v>310</v>
      </c>
      <c r="I265" s="21"/>
    </row>
    <row r="266" spans="1:9" ht="27.75" customHeight="1">
      <c r="A266" s="7" t="s">
        <v>353</v>
      </c>
      <c r="B266" s="20" t="s">
        <v>652</v>
      </c>
      <c r="C266" s="20">
        <v>8</v>
      </c>
      <c r="D266" s="19" t="s">
        <v>670</v>
      </c>
      <c r="E266" s="17" t="s">
        <v>584</v>
      </c>
      <c r="F266" s="24" t="s">
        <v>660</v>
      </c>
      <c r="G266" s="16" t="s">
        <v>1097</v>
      </c>
      <c r="H266" s="10" t="s">
        <v>310</v>
      </c>
      <c r="I266" s="21"/>
    </row>
    <row r="267" spans="1:9" ht="27.75" customHeight="1">
      <c r="A267" s="7" t="s">
        <v>353</v>
      </c>
      <c r="B267" s="20" t="s">
        <v>652</v>
      </c>
      <c r="C267" s="20">
        <v>9</v>
      </c>
      <c r="D267" s="19" t="s">
        <v>671</v>
      </c>
      <c r="E267" s="17" t="s">
        <v>584</v>
      </c>
      <c r="F267" s="24" t="s">
        <v>661</v>
      </c>
      <c r="G267" s="16" t="s">
        <v>1107</v>
      </c>
      <c r="H267" s="10" t="s">
        <v>310</v>
      </c>
      <c r="I267" s="21"/>
    </row>
    <row r="268" spans="1:9" ht="27.75" customHeight="1">
      <c r="A268" s="7" t="s">
        <v>353</v>
      </c>
      <c r="B268" s="20" t="s">
        <v>652</v>
      </c>
      <c r="C268" s="20">
        <v>10</v>
      </c>
      <c r="D268" s="19" t="s">
        <v>672</v>
      </c>
      <c r="E268" s="17" t="s">
        <v>584</v>
      </c>
      <c r="F268" s="24" t="s">
        <v>662</v>
      </c>
      <c r="G268" s="16" t="s">
        <v>1109</v>
      </c>
      <c r="H268" s="10" t="s">
        <v>310</v>
      </c>
      <c r="I268" s="21"/>
    </row>
    <row r="269" spans="1:9" ht="27.75" customHeight="1">
      <c r="A269" s="7" t="s">
        <v>353</v>
      </c>
      <c r="B269" s="20" t="s">
        <v>652</v>
      </c>
      <c r="C269" s="20">
        <v>11</v>
      </c>
      <c r="D269" s="10" t="s">
        <v>673</v>
      </c>
      <c r="E269" s="17" t="s">
        <v>584</v>
      </c>
      <c r="F269" s="24" t="s">
        <v>685</v>
      </c>
      <c r="G269" s="13" t="s">
        <v>1091</v>
      </c>
      <c r="H269" s="10" t="s">
        <v>310</v>
      </c>
      <c r="I269" s="21"/>
    </row>
    <row r="270" spans="1:9" ht="27.75" customHeight="1">
      <c r="A270" s="7" t="s">
        <v>353</v>
      </c>
      <c r="B270" s="20" t="s">
        <v>652</v>
      </c>
      <c r="C270" s="20">
        <v>12</v>
      </c>
      <c r="D270" s="10" t="s">
        <v>674</v>
      </c>
      <c r="E270" s="17" t="s">
        <v>584</v>
      </c>
      <c r="F270" s="24" t="s">
        <v>686</v>
      </c>
      <c r="G270" s="13" t="s">
        <v>1096</v>
      </c>
      <c r="H270" s="10" t="s">
        <v>310</v>
      </c>
      <c r="I270" s="21"/>
    </row>
    <row r="271" spans="1:9" ht="27.75" customHeight="1">
      <c r="A271" s="7" t="s">
        <v>353</v>
      </c>
      <c r="B271" s="20" t="s">
        <v>652</v>
      </c>
      <c r="C271" s="20">
        <v>13</v>
      </c>
      <c r="D271" s="10" t="s">
        <v>675</v>
      </c>
      <c r="E271" s="17" t="s">
        <v>584</v>
      </c>
      <c r="F271" s="24" t="s">
        <v>687</v>
      </c>
      <c r="G271" s="13" t="s">
        <v>1092</v>
      </c>
      <c r="H271" s="10" t="s">
        <v>310</v>
      </c>
      <c r="I271" s="21"/>
    </row>
    <row r="272" spans="1:9" ht="27.75" customHeight="1">
      <c r="A272" s="7" t="s">
        <v>353</v>
      </c>
      <c r="B272" s="20" t="s">
        <v>652</v>
      </c>
      <c r="C272" s="20">
        <v>14</v>
      </c>
      <c r="D272" s="10" t="s">
        <v>676</v>
      </c>
      <c r="E272" s="17" t="s">
        <v>584</v>
      </c>
      <c r="F272" s="24" t="s">
        <v>688</v>
      </c>
      <c r="G272" s="13" t="s">
        <v>1095</v>
      </c>
      <c r="H272" s="10" t="s">
        <v>310</v>
      </c>
      <c r="I272" s="21"/>
    </row>
    <row r="273" spans="1:9" ht="27.75" customHeight="1">
      <c r="A273" s="7" t="s">
        <v>353</v>
      </c>
      <c r="B273" s="20" t="s">
        <v>652</v>
      </c>
      <c r="C273" s="20">
        <v>15</v>
      </c>
      <c r="D273" s="10" t="s">
        <v>677</v>
      </c>
      <c r="E273" s="17" t="s">
        <v>584</v>
      </c>
      <c r="F273" s="24" t="s">
        <v>689</v>
      </c>
      <c r="G273" s="13" t="s">
        <v>1100</v>
      </c>
      <c r="H273" s="10" t="s">
        <v>310</v>
      </c>
      <c r="I273" s="21"/>
    </row>
    <row r="274" spans="1:9" ht="27.75" customHeight="1">
      <c r="A274" s="7" t="s">
        <v>353</v>
      </c>
      <c r="B274" s="20" t="s">
        <v>652</v>
      </c>
      <c r="C274" s="20">
        <v>16</v>
      </c>
      <c r="D274" s="10" t="s">
        <v>678</v>
      </c>
      <c r="E274" s="17" t="s">
        <v>584</v>
      </c>
      <c r="F274" s="24" t="s">
        <v>690</v>
      </c>
      <c r="G274" s="13" t="s">
        <v>1107</v>
      </c>
      <c r="H274" s="10" t="s">
        <v>310</v>
      </c>
      <c r="I274" s="21"/>
    </row>
    <row r="275" spans="1:9" ht="27.75" customHeight="1">
      <c r="A275" s="7" t="s">
        <v>353</v>
      </c>
      <c r="B275" s="20" t="s">
        <v>652</v>
      </c>
      <c r="C275" s="20">
        <v>17</v>
      </c>
      <c r="D275" s="10" t="s">
        <v>679</v>
      </c>
      <c r="E275" s="17" t="s">
        <v>584</v>
      </c>
      <c r="F275" s="24" t="s">
        <v>691</v>
      </c>
      <c r="G275" s="13" t="s">
        <v>1091</v>
      </c>
      <c r="H275" s="10" t="s">
        <v>310</v>
      </c>
      <c r="I275" s="21"/>
    </row>
    <row r="276" spans="1:9" ht="27.75" customHeight="1">
      <c r="A276" s="7" t="s">
        <v>353</v>
      </c>
      <c r="B276" s="20" t="s">
        <v>652</v>
      </c>
      <c r="C276" s="20">
        <v>18</v>
      </c>
      <c r="D276" s="10" t="s">
        <v>680</v>
      </c>
      <c r="E276" s="17" t="s">
        <v>584</v>
      </c>
      <c r="F276" s="24" t="s">
        <v>692</v>
      </c>
      <c r="G276" s="13" t="s">
        <v>1095</v>
      </c>
      <c r="H276" s="10" t="s">
        <v>310</v>
      </c>
      <c r="I276" s="21"/>
    </row>
    <row r="277" spans="1:9" ht="27.75" customHeight="1">
      <c r="A277" s="7" t="s">
        <v>353</v>
      </c>
      <c r="B277" s="20" t="s">
        <v>652</v>
      </c>
      <c r="C277" s="20">
        <v>19</v>
      </c>
      <c r="D277" s="10" t="s">
        <v>681</v>
      </c>
      <c r="E277" s="17" t="s">
        <v>584</v>
      </c>
      <c r="F277" s="24" t="s">
        <v>693</v>
      </c>
      <c r="G277" s="13" t="s">
        <v>1094</v>
      </c>
      <c r="H277" s="10" t="s">
        <v>310</v>
      </c>
      <c r="I277" s="21"/>
    </row>
    <row r="278" spans="1:9" ht="27.75" customHeight="1">
      <c r="A278" s="7" t="s">
        <v>353</v>
      </c>
      <c r="B278" s="20" t="s">
        <v>652</v>
      </c>
      <c r="C278" s="20">
        <v>20</v>
      </c>
      <c r="D278" s="10" t="s">
        <v>682</v>
      </c>
      <c r="E278" s="17" t="s">
        <v>584</v>
      </c>
      <c r="F278" s="24" t="s">
        <v>694</v>
      </c>
      <c r="G278" s="13" t="s">
        <v>1097</v>
      </c>
      <c r="H278" s="10" t="s">
        <v>310</v>
      </c>
      <c r="I278" s="21"/>
    </row>
    <row r="279" spans="1:9" ht="27.75" customHeight="1">
      <c r="A279" s="7" t="s">
        <v>353</v>
      </c>
      <c r="B279" s="20" t="s">
        <v>652</v>
      </c>
      <c r="C279" s="20">
        <v>21</v>
      </c>
      <c r="D279" s="10" t="s">
        <v>683</v>
      </c>
      <c r="E279" s="17" t="s">
        <v>584</v>
      </c>
      <c r="F279" s="24" t="s">
        <v>695</v>
      </c>
      <c r="G279" s="13" t="s">
        <v>1091</v>
      </c>
      <c r="H279" s="10" t="s">
        <v>310</v>
      </c>
      <c r="I279" s="21"/>
    </row>
    <row r="280" spans="1:9" ht="27.75" customHeight="1">
      <c r="A280" s="7" t="s">
        <v>353</v>
      </c>
      <c r="B280" s="20" t="s">
        <v>652</v>
      </c>
      <c r="C280" s="20">
        <v>22</v>
      </c>
      <c r="D280" s="10" t="s">
        <v>684</v>
      </c>
      <c r="E280" s="17" t="s">
        <v>584</v>
      </c>
      <c r="F280" s="24" t="s">
        <v>696</v>
      </c>
      <c r="G280" s="13" t="s">
        <v>1092</v>
      </c>
      <c r="H280" s="10" t="s">
        <v>310</v>
      </c>
      <c r="I280" s="21"/>
    </row>
    <row r="281" spans="1:9" ht="27.75" customHeight="1">
      <c r="A281" s="7" t="s">
        <v>353</v>
      </c>
      <c r="B281" s="20" t="s">
        <v>652</v>
      </c>
      <c r="C281" s="20">
        <v>23</v>
      </c>
      <c r="D281" s="19" t="s">
        <v>700</v>
      </c>
      <c r="E281" s="17" t="s">
        <v>584</v>
      </c>
      <c r="F281" s="24" t="s">
        <v>697</v>
      </c>
      <c r="G281" s="16" t="s">
        <v>1096</v>
      </c>
      <c r="H281" s="10" t="s">
        <v>310</v>
      </c>
      <c r="I281" s="21"/>
    </row>
    <row r="282" spans="1:9" ht="27.75" customHeight="1">
      <c r="A282" s="7" t="s">
        <v>353</v>
      </c>
      <c r="B282" s="20" t="s">
        <v>652</v>
      </c>
      <c r="C282" s="20">
        <v>24</v>
      </c>
      <c r="D282" s="19" t="s">
        <v>701</v>
      </c>
      <c r="E282" s="17" t="s">
        <v>584</v>
      </c>
      <c r="F282" s="24" t="s">
        <v>698</v>
      </c>
      <c r="G282" s="16" t="s">
        <v>1109</v>
      </c>
      <c r="H282" s="10" t="s">
        <v>310</v>
      </c>
      <c r="I282" s="21"/>
    </row>
    <row r="283" spans="1:9" ht="27.75" customHeight="1">
      <c r="A283" s="7" t="s">
        <v>353</v>
      </c>
      <c r="B283" s="20" t="s">
        <v>652</v>
      </c>
      <c r="C283" s="20">
        <v>25</v>
      </c>
      <c r="D283" s="19" t="s">
        <v>702</v>
      </c>
      <c r="E283" s="17" t="s">
        <v>584</v>
      </c>
      <c r="F283" s="24" t="s">
        <v>699</v>
      </c>
      <c r="G283" s="16" t="s">
        <v>4</v>
      </c>
      <c r="H283" s="10" t="s">
        <v>310</v>
      </c>
      <c r="I283" s="21"/>
    </row>
    <row r="284" spans="1:9" s="28" customFormat="1" ht="26.4">
      <c r="A284" s="7" t="s">
        <v>353</v>
      </c>
      <c r="B284" s="8" t="s">
        <v>475</v>
      </c>
      <c r="C284" s="7">
        <v>1</v>
      </c>
      <c r="D284" s="9" t="s">
        <v>469</v>
      </c>
      <c r="E284" s="17" t="s">
        <v>584</v>
      </c>
      <c r="F284" s="19" t="s">
        <v>181</v>
      </c>
      <c r="G284" s="19" t="s">
        <v>1110</v>
      </c>
      <c r="H284" s="10" t="s">
        <v>470</v>
      </c>
      <c r="I284" s="8"/>
    </row>
    <row r="285" spans="1:9" s="28" customFormat="1" ht="26.4">
      <c r="A285" s="7" t="s">
        <v>353</v>
      </c>
      <c r="B285" s="8" t="s">
        <v>475</v>
      </c>
      <c r="C285" s="7">
        <v>2</v>
      </c>
      <c r="D285" s="9" t="s">
        <v>471</v>
      </c>
      <c r="E285" s="17" t="s">
        <v>584</v>
      </c>
      <c r="F285" s="19" t="s">
        <v>472</v>
      </c>
      <c r="G285" s="19" t="s">
        <v>1111</v>
      </c>
      <c r="H285" s="10" t="s">
        <v>470</v>
      </c>
      <c r="I285" s="8"/>
    </row>
    <row r="286" spans="1:9" s="28" customFormat="1" ht="26.4">
      <c r="A286" s="7" t="s">
        <v>353</v>
      </c>
      <c r="B286" s="8" t="s">
        <v>475</v>
      </c>
      <c r="C286" s="7">
        <v>3</v>
      </c>
      <c r="D286" s="9" t="s">
        <v>473</v>
      </c>
      <c r="E286" s="17" t="s">
        <v>586</v>
      </c>
      <c r="F286" s="19" t="s">
        <v>474</v>
      </c>
      <c r="G286" s="19" t="s">
        <v>1112</v>
      </c>
      <c r="H286" s="10" t="s">
        <v>470</v>
      </c>
      <c r="I286" s="8"/>
    </row>
    <row r="287" spans="1:9" s="28" customFormat="1" ht="26.4">
      <c r="A287" s="7" t="s">
        <v>353</v>
      </c>
      <c r="B287" s="8" t="s">
        <v>475</v>
      </c>
      <c r="C287" s="7">
        <v>4</v>
      </c>
      <c r="D287" s="9" t="s">
        <v>476</v>
      </c>
      <c r="E287" s="17" t="s">
        <v>586</v>
      </c>
      <c r="F287" s="19" t="s">
        <v>477</v>
      </c>
      <c r="G287" s="19" t="s">
        <v>1112</v>
      </c>
      <c r="H287" s="10" t="s">
        <v>470</v>
      </c>
      <c r="I287" s="8"/>
    </row>
    <row r="288" spans="1:9" s="28" customFormat="1" ht="26.4">
      <c r="A288" s="7" t="s">
        <v>353</v>
      </c>
      <c r="B288" s="8" t="s">
        <v>475</v>
      </c>
      <c r="C288" s="7">
        <v>5</v>
      </c>
      <c r="D288" s="9" t="s">
        <v>478</v>
      </c>
      <c r="E288" s="17" t="s">
        <v>584</v>
      </c>
      <c r="F288" s="19" t="s">
        <v>479</v>
      </c>
      <c r="G288" s="19" t="s">
        <v>1113</v>
      </c>
      <c r="H288" s="10" t="s">
        <v>470</v>
      </c>
      <c r="I288" s="8"/>
    </row>
    <row r="289" spans="1:9" s="28" customFormat="1" ht="26.4">
      <c r="A289" s="7" t="s">
        <v>353</v>
      </c>
      <c r="B289" s="8" t="s">
        <v>475</v>
      </c>
      <c r="C289" s="7">
        <v>6</v>
      </c>
      <c r="D289" s="9" t="s">
        <v>480</v>
      </c>
      <c r="E289" s="17" t="s">
        <v>587</v>
      </c>
      <c r="F289" s="19" t="s">
        <v>703</v>
      </c>
      <c r="G289" s="19" t="s">
        <v>1</v>
      </c>
      <c r="H289" s="10" t="s">
        <v>470</v>
      </c>
      <c r="I289" s="8"/>
    </row>
    <row r="290" spans="1:9" s="28" customFormat="1" ht="26.4">
      <c r="A290" s="7" t="s">
        <v>353</v>
      </c>
      <c r="B290" s="8" t="s">
        <v>475</v>
      </c>
      <c r="C290" s="7">
        <v>7</v>
      </c>
      <c r="D290" s="9" t="s">
        <v>482</v>
      </c>
      <c r="E290" s="17" t="s">
        <v>584</v>
      </c>
      <c r="F290" s="19" t="s">
        <v>483</v>
      </c>
      <c r="G290" s="19" t="s">
        <v>1114</v>
      </c>
      <c r="H290" s="10" t="s">
        <v>470</v>
      </c>
      <c r="I290" s="8"/>
    </row>
    <row r="291" spans="1:9" s="28" customFormat="1" ht="26.4">
      <c r="A291" s="7" t="s">
        <v>353</v>
      </c>
      <c r="B291" s="8" t="s">
        <v>475</v>
      </c>
      <c r="C291" s="7">
        <v>8</v>
      </c>
      <c r="D291" s="9" t="s">
        <v>484</v>
      </c>
      <c r="E291" s="17" t="s">
        <v>584</v>
      </c>
      <c r="F291" s="19" t="s">
        <v>485</v>
      </c>
      <c r="G291" s="19" t="s">
        <v>1114</v>
      </c>
      <c r="H291" s="10" t="s">
        <v>470</v>
      </c>
      <c r="I291" s="8"/>
    </row>
    <row r="292" spans="1:9" s="28" customFormat="1" ht="26.4">
      <c r="A292" s="7" t="s">
        <v>353</v>
      </c>
      <c r="B292" s="8" t="s">
        <v>475</v>
      </c>
      <c r="C292" s="7">
        <v>9</v>
      </c>
      <c r="D292" s="9" t="s">
        <v>486</v>
      </c>
      <c r="E292" s="17" t="s">
        <v>586</v>
      </c>
      <c r="F292" s="19" t="s">
        <v>487</v>
      </c>
      <c r="G292" s="19" t="s">
        <v>1112</v>
      </c>
      <c r="H292" s="10" t="s">
        <v>470</v>
      </c>
      <c r="I292" s="8"/>
    </row>
    <row r="293" spans="1:9" s="28" customFormat="1" ht="26.4">
      <c r="A293" s="7" t="s">
        <v>353</v>
      </c>
      <c r="B293" s="8" t="s">
        <v>475</v>
      </c>
      <c r="C293" s="7">
        <v>10</v>
      </c>
      <c r="D293" s="9" t="s">
        <v>488</v>
      </c>
      <c r="E293" s="17" t="s">
        <v>584</v>
      </c>
      <c r="F293" s="19" t="s">
        <v>489</v>
      </c>
      <c r="G293" s="19" t="s">
        <v>1115</v>
      </c>
      <c r="H293" s="10" t="s">
        <v>470</v>
      </c>
      <c r="I293" s="8"/>
    </row>
    <row r="294" spans="1:9" s="28" customFormat="1" ht="26.4">
      <c r="A294" s="7" t="s">
        <v>353</v>
      </c>
      <c r="B294" s="8" t="s">
        <v>475</v>
      </c>
      <c r="C294" s="7">
        <v>11</v>
      </c>
      <c r="D294" s="9" t="s">
        <v>490</v>
      </c>
      <c r="E294" s="17" t="s">
        <v>584</v>
      </c>
      <c r="F294" s="19" t="s">
        <v>491</v>
      </c>
      <c r="G294" s="19" t="s">
        <v>1114</v>
      </c>
      <c r="H294" s="10" t="s">
        <v>470</v>
      </c>
      <c r="I294" s="8"/>
    </row>
    <row r="295" spans="1:9" s="28" customFormat="1" ht="26.4">
      <c r="A295" s="7" t="s">
        <v>353</v>
      </c>
      <c r="B295" s="8" t="s">
        <v>475</v>
      </c>
      <c r="C295" s="7">
        <v>12</v>
      </c>
      <c r="D295" s="9" t="s">
        <v>492</v>
      </c>
      <c r="E295" s="17" t="s">
        <v>587</v>
      </c>
      <c r="F295" s="19" t="s">
        <v>493</v>
      </c>
      <c r="G295" s="13" t="s">
        <v>1101</v>
      </c>
      <c r="H295" s="10" t="s">
        <v>470</v>
      </c>
      <c r="I295" s="8"/>
    </row>
    <row r="296" spans="1:9" s="28" customFormat="1" ht="26.4">
      <c r="A296" s="7" t="s">
        <v>353</v>
      </c>
      <c r="B296" s="8" t="s">
        <v>475</v>
      </c>
      <c r="C296" s="7">
        <v>13</v>
      </c>
      <c r="D296" s="9" t="s">
        <v>494</v>
      </c>
      <c r="E296" s="17" t="s">
        <v>584</v>
      </c>
      <c r="F296" s="19" t="s">
        <v>495</v>
      </c>
      <c r="G296" s="19" t="s">
        <v>1116</v>
      </c>
      <c r="H296" s="10" t="s">
        <v>470</v>
      </c>
      <c r="I296" s="8"/>
    </row>
    <row r="297" spans="1:9" s="28" customFormat="1" ht="26.4">
      <c r="A297" s="7" t="s">
        <v>353</v>
      </c>
      <c r="B297" s="8" t="s">
        <v>475</v>
      </c>
      <c r="C297" s="7">
        <v>14</v>
      </c>
      <c r="D297" s="9" t="s">
        <v>496</v>
      </c>
      <c r="E297" s="17" t="s">
        <v>584</v>
      </c>
      <c r="F297" s="19" t="s">
        <v>497</v>
      </c>
      <c r="G297" s="19" t="s">
        <v>1117</v>
      </c>
      <c r="H297" s="10" t="s">
        <v>470</v>
      </c>
      <c r="I297" s="8"/>
    </row>
    <row r="298" spans="1:9" s="28" customFormat="1" ht="26.4">
      <c r="A298" s="7" t="s">
        <v>353</v>
      </c>
      <c r="B298" s="8" t="s">
        <v>475</v>
      </c>
      <c r="C298" s="7">
        <v>15</v>
      </c>
      <c r="D298" s="9" t="s">
        <v>498</v>
      </c>
      <c r="E298" s="17" t="s">
        <v>584</v>
      </c>
      <c r="F298" s="19" t="s">
        <v>499</v>
      </c>
      <c r="G298" s="19" t="s">
        <v>1118</v>
      </c>
      <c r="H298" s="10" t="s">
        <v>470</v>
      </c>
      <c r="I298" s="8"/>
    </row>
    <row r="299" spans="1:9" s="28" customFormat="1" ht="26.4">
      <c r="A299" s="7" t="s">
        <v>353</v>
      </c>
      <c r="B299" s="8" t="s">
        <v>475</v>
      </c>
      <c r="C299" s="7">
        <v>16</v>
      </c>
      <c r="D299" s="9" t="s">
        <v>500</v>
      </c>
      <c r="E299" s="17" t="s">
        <v>584</v>
      </c>
      <c r="F299" s="19" t="s">
        <v>501</v>
      </c>
      <c r="G299" s="19" t="s">
        <v>1119</v>
      </c>
      <c r="H299" s="10" t="s">
        <v>470</v>
      </c>
      <c r="I299" s="8"/>
    </row>
    <row r="300" spans="1:9" s="28" customFormat="1" ht="26.4">
      <c r="A300" s="7" t="s">
        <v>353</v>
      </c>
      <c r="B300" s="8" t="s">
        <v>475</v>
      </c>
      <c r="C300" s="7">
        <v>17</v>
      </c>
      <c r="D300" s="9" t="s">
        <v>502</v>
      </c>
      <c r="E300" s="17" t="s">
        <v>584</v>
      </c>
      <c r="F300" s="19" t="s">
        <v>503</v>
      </c>
      <c r="G300" s="19" t="s">
        <v>1120</v>
      </c>
      <c r="H300" s="10" t="s">
        <v>470</v>
      </c>
      <c r="I300" s="8"/>
    </row>
    <row r="301" spans="1:9" s="28" customFormat="1" ht="26.4">
      <c r="A301" s="7" t="s">
        <v>353</v>
      </c>
      <c r="B301" s="8" t="s">
        <v>475</v>
      </c>
      <c r="C301" s="7">
        <v>18</v>
      </c>
      <c r="D301" s="9" t="s">
        <v>504</v>
      </c>
      <c r="E301" s="17" t="s">
        <v>584</v>
      </c>
      <c r="F301" s="19" t="s">
        <v>505</v>
      </c>
      <c r="G301" s="19" t="s">
        <v>1116</v>
      </c>
      <c r="H301" s="10" t="s">
        <v>470</v>
      </c>
      <c r="I301" s="8"/>
    </row>
    <row r="302" spans="1:9" s="28" customFormat="1" ht="26.4">
      <c r="A302" s="7" t="s">
        <v>353</v>
      </c>
      <c r="B302" s="8" t="s">
        <v>475</v>
      </c>
      <c r="C302" s="7">
        <v>19</v>
      </c>
      <c r="D302" s="9" t="s">
        <v>506</v>
      </c>
      <c r="E302" s="17" t="s">
        <v>586</v>
      </c>
      <c r="F302" s="19" t="s">
        <v>507</v>
      </c>
      <c r="G302" s="19" t="s">
        <v>1121</v>
      </c>
      <c r="H302" s="10" t="s">
        <v>470</v>
      </c>
      <c r="I302" s="8"/>
    </row>
    <row r="303" spans="1:9" s="28" customFormat="1" ht="26.4">
      <c r="A303" s="7" t="s">
        <v>353</v>
      </c>
      <c r="B303" s="8" t="s">
        <v>475</v>
      </c>
      <c r="C303" s="7">
        <v>20</v>
      </c>
      <c r="D303" s="9" t="s">
        <v>508</v>
      </c>
      <c r="E303" s="17" t="s">
        <v>584</v>
      </c>
      <c r="F303" s="19" t="s">
        <v>509</v>
      </c>
      <c r="G303" s="19" t="s">
        <v>1117</v>
      </c>
      <c r="H303" s="10" t="s">
        <v>470</v>
      </c>
      <c r="I303" s="8"/>
    </row>
    <row r="304" spans="1:9" s="28" customFormat="1" ht="26.4">
      <c r="A304" s="7" t="s">
        <v>353</v>
      </c>
      <c r="B304" s="8" t="s">
        <v>475</v>
      </c>
      <c r="C304" s="7">
        <v>21</v>
      </c>
      <c r="D304" s="9" t="s">
        <v>510</v>
      </c>
      <c r="E304" s="17" t="s">
        <v>587</v>
      </c>
      <c r="F304" s="19" t="s">
        <v>511</v>
      </c>
      <c r="G304" s="19" t="s">
        <v>1122</v>
      </c>
      <c r="H304" s="10" t="s">
        <v>470</v>
      </c>
      <c r="I304" s="8"/>
    </row>
    <row r="305" spans="1:9" s="28" customFormat="1" ht="26.4">
      <c r="A305" s="7" t="s">
        <v>353</v>
      </c>
      <c r="B305" s="8" t="s">
        <v>475</v>
      </c>
      <c r="C305" s="7">
        <v>22</v>
      </c>
      <c r="D305" s="9" t="s">
        <v>512</v>
      </c>
      <c r="E305" s="38" t="s">
        <v>585</v>
      </c>
      <c r="F305" s="19" t="s">
        <v>513</v>
      </c>
      <c r="G305" s="19" t="s">
        <v>1123</v>
      </c>
      <c r="H305" s="10" t="s">
        <v>470</v>
      </c>
      <c r="I305" s="8"/>
    </row>
    <row r="306" spans="1:9" s="28" customFormat="1" ht="26.4">
      <c r="A306" s="7" t="s">
        <v>353</v>
      </c>
      <c r="B306" s="8" t="s">
        <v>475</v>
      </c>
      <c r="C306" s="7">
        <v>23</v>
      </c>
      <c r="D306" s="9" t="s">
        <v>514</v>
      </c>
      <c r="E306" s="17" t="s">
        <v>584</v>
      </c>
      <c r="F306" s="19" t="s">
        <v>515</v>
      </c>
      <c r="G306" s="19" t="s">
        <v>1119</v>
      </c>
      <c r="H306" s="10" t="s">
        <v>470</v>
      </c>
      <c r="I306" s="8"/>
    </row>
    <row r="307" spans="1:9" s="28" customFormat="1" ht="26.4">
      <c r="A307" s="7" t="s">
        <v>353</v>
      </c>
      <c r="B307" s="8" t="s">
        <v>475</v>
      </c>
      <c r="C307" s="7">
        <v>24</v>
      </c>
      <c r="D307" s="9" t="s">
        <v>516</v>
      </c>
      <c r="E307" s="17" t="s">
        <v>585</v>
      </c>
      <c r="F307" s="19" t="s">
        <v>517</v>
      </c>
      <c r="G307" s="19" t="s">
        <v>1112</v>
      </c>
      <c r="H307" s="10" t="s">
        <v>470</v>
      </c>
      <c r="I307" s="8"/>
    </row>
    <row r="308" spans="1:9" s="28" customFormat="1" ht="26.4">
      <c r="A308" s="7" t="s">
        <v>353</v>
      </c>
      <c r="B308" s="8" t="s">
        <v>475</v>
      </c>
      <c r="C308" s="7">
        <v>25</v>
      </c>
      <c r="D308" s="9" t="s">
        <v>518</v>
      </c>
      <c r="E308" s="17" t="s">
        <v>584</v>
      </c>
      <c r="F308" s="19" t="s">
        <v>519</v>
      </c>
      <c r="G308" s="19" t="s">
        <v>1120</v>
      </c>
      <c r="H308" s="10" t="s">
        <v>470</v>
      </c>
      <c r="I308" s="8"/>
    </row>
    <row r="309" spans="1:9" s="28" customFormat="1" ht="26.4">
      <c r="A309" s="7" t="s">
        <v>353</v>
      </c>
      <c r="B309" s="8" t="s">
        <v>475</v>
      </c>
      <c r="C309" s="7">
        <v>26</v>
      </c>
      <c r="D309" s="9" t="s">
        <v>520</v>
      </c>
      <c r="E309" s="17" t="s">
        <v>584</v>
      </c>
      <c r="F309" s="19" t="s">
        <v>521</v>
      </c>
      <c r="G309" s="19" t="s">
        <v>0</v>
      </c>
      <c r="H309" s="10" t="s">
        <v>470</v>
      </c>
      <c r="I309" s="8"/>
    </row>
    <row r="310" spans="1:9" s="28" customFormat="1" ht="26.4">
      <c r="A310" s="7" t="s">
        <v>353</v>
      </c>
      <c r="B310" s="8" t="s">
        <v>475</v>
      </c>
      <c r="C310" s="7">
        <v>27</v>
      </c>
      <c r="D310" s="9" t="s">
        <v>522</v>
      </c>
      <c r="E310" s="17" t="s">
        <v>584</v>
      </c>
      <c r="F310" s="19" t="s">
        <v>523</v>
      </c>
      <c r="G310" s="19" t="s">
        <v>1124</v>
      </c>
      <c r="H310" s="10" t="s">
        <v>470</v>
      </c>
      <c r="I310" s="8"/>
    </row>
    <row r="311" spans="1:9" s="28" customFormat="1" ht="26.4">
      <c r="A311" s="7" t="s">
        <v>353</v>
      </c>
      <c r="B311" s="8" t="s">
        <v>475</v>
      </c>
      <c r="C311" s="7">
        <v>28</v>
      </c>
      <c r="D311" s="9" t="s">
        <v>524</v>
      </c>
      <c r="E311" s="17" t="s">
        <v>584</v>
      </c>
      <c r="F311" s="19" t="s">
        <v>525</v>
      </c>
      <c r="G311" s="19" t="s">
        <v>1124</v>
      </c>
      <c r="H311" s="10" t="s">
        <v>470</v>
      </c>
      <c r="I311" s="8"/>
    </row>
    <row r="312" spans="1:9" s="28" customFormat="1" ht="26.4">
      <c r="A312" s="7" t="s">
        <v>353</v>
      </c>
      <c r="B312" s="8" t="s">
        <v>475</v>
      </c>
      <c r="C312" s="7">
        <v>29</v>
      </c>
      <c r="D312" s="9" t="s">
        <v>526</v>
      </c>
      <c r="E312" s="17" t="s">
        <v>585</v>
      </c>
      <c r="F312" s="19" t="s">
        <v>527</v>
      </c>
      <c r="G312" s="19" t="s">
        <v>1114</v>
      </c>
      <c r="H312" s="10" t="s">
        <v>470</v>
      </c>
      <c r="I312" s="8"/>
    </row>
    <row r="313" spans="1:9" s="28" customFormat="1" ht="26.4">
      <c r="A313" s="7" t="s">
        <v>353</v>
      </c>
      <c r="B313" s="8" t="s">
        <v>475</v>
      </c>
      <c r="C313" s="7">
        <v>30</v>
      </c>
      <c r="D313" s="9" t="s">
        <v>528</v>
      </c>
      <c r="E313" s="17" t="s">
        <v>587</v>
      </c>
      <c r="F313" s="19" t="s">
        <v>529</v>
      </c>
      <c r="G313" s="19" t="s">
        <v>1122</v>
      </c>
      <c r="H313" s="10" t="s">
        <v>470</v>
      </c>
      <c r="I313" s="8"/>
    </row>
    <row r="314" spans="1:9" s="28" customFormat="1" ht="26.4">
      <c r="A314" s="7" t="s">
        <v>353</v>
      </c>
      <c r="B314" s="8" t="s">
        <v>475</v>
      </c>
      <c r="C314" s="7">
        <v>31</v>
      </c>
      <c r="D314" s="9" t="s">
        <v>530</v>
      </c>
      <c r="E314" s="17" t="s">
        <v>584</v>
      </c>
      <c r="F314" s="19" t="s">
        <v>531</v>
      </c>
      <c r="G314" s="19" t="s">
        <v>1125</v>
      </c>
      <c r="H314" s="10" t="s">
        <v>470</v>
      </c>
      <c r="I314" s="8"/>
    </row>
    <row r="315" spans="1:9" s="28" customFormat="1" ht="26.4">
      <c r="A315" s="7" t="s">
        <v>353</v>
      </c>
      <c r="B315" s="8" t="s">
        <v>475</v>
      </c>
      <c r="C315" s="7">
        <v>32</v>
      </c>
      <c r="D315" s="9" t="s">
        <v>532</v>
      </c>
      <c r="E315" s="17" t="s">
        <v>584</v>
      </c>
      <c r="F315" s="19" t="s">
        <v>533</v>
      </c>
      <c r="G315" s="19" t="s">
        <v>1119</v>
      </c>
      <c r="H315" s="10" t="s">
        <v>470</v>
      </c>
      <c r="I315" s="8"/>
    </row>
    <row r="316" spans="1:9" s="28" customFormat="1" ht="26.4">
      <c r="A316" s="7" t="s">
        <v>353</v>
      </c>
      <c r="B316" s="8" t="s">
        <v>475</v>
      </c>
      <c r="C316" s="7">
        <v>33</v>
      </c>
      <c r="D316" s="9" t="s">
        <v>534</v>
      </c>
      <c r="E316" s="17" t="s">
        <v>584</v>
      </c>
      <c r="F316" s="19" t="s">
        <v>535</v>
      </c>
      <c r="G316" s="19" t="s">
        <v>1116</v>
      </c>
      <c r="H316" s="10" t="s">
        <v>470</v>
      </c>
      <c r="I316" s="8"/>
    </row>
    <row r="317" spans="1:9" s="28" customFormat="1" ht="26.4">
      <c r="A317" s="7" t="s">
        <v>353</v>
      </c>
      <c r="B317" s="8" t="s">
        <v>475</v>
      </c>
      <c r="C317" s="7">
        <v>1</v>
      </c>
      <c r="D317" s="9" t="s">
        <v>536</v>
      </c>
      <c r="E317" s="17" t="s">
        <v>584</v>
      </c>
      <c r="F317" s="19" t="s">
        <v>537</v>
      </c>
      <c r="G317" s="19" t="s">
        <v>1119</v>
      </c>
      <c r="H317" s="10" t="s">
        <v>310</v>
      </c>
      <c r="I317" s="8"/>
    </row>
    <row r="318" spans="1:9" s="28" customFormat="1" ht="26.4">
      <c r="A318" s="7" t="s">
        <v>353</v>
      </c>
      <c r="B318" s="8" t="s">
        <v>475</v>
      </c>
      <c r="C318" s="7">
        <v>2</v>
      </c>
      <c r="D318" s="9" t="s">
        <v>538</v>
      </c>
      <c r="E318" s="17" t="s">
        <v>584</v>
      </c>
      <c r="F318" s="19" t="s">
        <v>539</v>
      </c>
      <c r="G318" s="19" t="s">
        <v>1113</v>
      </c>
      <c r="H318" s="10" t="s">
        <v>310</v>
      </c>
      <c r="I318" s="8"/>
    </row>
    <row r="319" spans="1:9" s="28" customFormat="1" ht="26.4">
      <c r="A319" s="7" t="s">
        <v>353</v>
      </c>
      <c r="B319" s="8" t="s">
        <v>475</v>
      </c>
      <c r="C319" s="7">
        <v>3</v>
      </c>
      <c r="D319" s="9" t="s">
        <v>540</v>
      </c>
      <c r="E319" s="17" t="s">
        <v>585</v>
      </c>
      <c r="F319" s="19" t="s">
        <v>541</v>
      </c>
      <c r="G319" s="19" t="s">
        <v>1112</v>
      </c>
      <c r="H319" s="10" t="s">
        <v>310</v>
      </c>
      <c r="I319" s="8"/>
    </row>
    <row r="320" spans="1:9" s="28" customFormat="1" ht="26.4">
      <c r="A320" s="7" t="s">
        <v>353</v>
      </c>
      <c r="B320" s="8" t="s">
        <v>475</v>
      </c>
      <c r="C320" s="7">
        <v>4</v>
      </c>
      <c r="D320" s="9" t="s">
        <v>542</v>
      </c>
      <c r="E320" s="17" t="s">
        <v>584</v>
      </c>
      <c r="F320" s="19" t="s">
        <v>543</v>
      </c>
      <c r="G320" s="19" t="s">
        <v>0</v>
      </c>
      <c r="H320" s="10" t="s">
        <v>310</v>
      </c>
      <c r="I320" s="8"/>
    </row>
    <row r="321" spans="1:9" s="28" customFormat="1" ht="26.4">
      <c r="A321" s="7" t="s">
        <v>353</v>
      </c>
      <c r="B321" s="8" t="s">
        <v>475</v>
      </c>
      <c r="C321" s="7">
        <v>5</v>
      </c>
      <c r="D321" s="9" t="s">
        <v>544</v>
      </c>
      <c r="E321" s="17" t="s">
        <v>584</v>
      </c>
      <c r="F321" s="19" t="s">
        <v>545</v>
      </c>
      <c r="G321" s="19" t="s">
        <v>1126</v>
      </c>
      <c r="H321" s="10" t="s">
        <v>310</v>
      </c>
      <c r="I321" s="8"/>
    </row>
    <row r="322" spans="1:9" s="28" customFormat="1" ht="26.4">
      <c r="A322" s="7" t="s">
        <v>353</v>
      </c>
      <c r="B322" s="8" t="s">
        <v>475</v>
      </c>
      <c r="C322" s="7">
        <v>6</v>
      </c>
      <c r="D322" s="9" t="s">
        <v>546</v>
      </c>
      <c r="E322" s="17" t="s">
        <v>585</v>
      </c>
      <c r="F322" s="19" t="s">
        <v>547</v>
      </c>
      <c r="G322" s="19" t="s">
        <v>1112</v>
      </c>
      <c r="H322" s="10" t="s">
        <v>310</v>
      </c>
      <c r="I322" s="8"/>
    </row>
    <row r="323" spans="1:9" s="28" customFormat="1" ht="26.4">
      <c r="A323" s="7" t="s">
        <v>353</v>
      </c>
      <c r="B323" s="8" t="s">
        <v>475</v>
      </c>
      <c r="C323" s="7">
        <v>7</v>
      </c>
      <c r="D323" s="9" t="s">
        <v>548</v>
      </c>
      <c r="E323" s="17" t="s">
        <v>584</v>
      </c>
      <c r="F323" s="19" t="s">
        <v>549</v>
      </c>
      <c r="G323" s="19" t="s">
        <v>1127</v>
      </c>
      <c r="H323" s="10" t="s">
        <v>310</v>
      </c>
      <c r="I323" s="8"/>
    </row>
    <row r="324" spans="1:9" s="28" customFormat="1" ht="26.4">
      <c r="A324" s="7" t="s">
        <v>353</v>
      </c>
      <c r="B324" s="8" t="s">
        <v>475</v>
      </c>
      <c r="C324" s="7">
        <v>8</v>
      </c>
      <c r="D324" s="9" t="s">
        <v>550</v>
      </c>
      <c r="E324" s="17" t="s">
        <v>586</v>
      </c>
      <c r="F324" s="19" t="s">
        <v>551</v>
      </c>
      <c r="G324" s="19" t="s">
        <v>1112</v>
      </c>
      <c r="H324" s="10" t="s">
        <v>310</v>
      </c>
      <c r="I324" s="8"/>
    </row>
    <row r="325" spans="1:9" s="28" customFormat="1" ht="26.4">
      <c r="A325" s="7" t="s">
        <v>353</v>
      </c>
      <c r="B325" s="8" t="s">
        <v>475</v>
      </c>
      <c r="C325" s="7">
        <v>9</v>
      </c>
      <c r="D325" s="9" t="s">
        <v>552</v>
      </c>
      <c r="E325" s="17" t="s">
        <v>584</v>
      </c>
      <c r="F325" s="19" t="s">
        <v>553</v>
      </c>
      <c r="G325" s="19" t="s">
        <v>1128</v>
      </c>
      <c r="H325" s="10" t="s">
        <v>310</v>
      </c>
      <c r="I325" s="8"/>
    </row>
    <row r="326" spans="1:9" s="28" customFormat="1" ht="26.4">
      <c r="A326" s="7" t="s">
        <v>353</v>
      </c>
      <c r="B326" s="8" t="s">
        <v>475</v>
      </c>
      <c r="C326" s="7">
        <v>10</v>
      </c>
      <c r="D326" s="9" t="s">
        <v>554</v>
      </c>
      <c r="E326" s="17" t="s">
        <v>584</v>
      </c>
      <c r="F326" s="19" t="s">
        <v>555</v>
      </c>
      <c r="G326" s="19" t="s">
        <v>1119</v>
      </c>
      <c r="H326" s="10" t="s">
        <v>310</v>
      </c>
      <c r="I326" s="8"/>
    </row>
    <row r="327" spans="1:9" s="28" customFormat="1" ht="26.4">
      <c r="A327" s="7" t="s">
        <v>353</v>
      </c>
      <c r="B327" s="8" t="s">
        <v>475</v>
      </c>
      <c r="C327" s="7">
        <v>11</v>
      </c>
      <c r="D327" s="9" t="s">
        <v>556</v>
      </c>
      <c r="E327" s="17" t="s">
        <v>584</v>
      </c>
      <c r="F327" s="19" t="s">
        <v>557</v>
      </c>
      <c r="G327" s="19" t="s">
        <v>1117</v>
      </c>
      <c r="H327" s="10" t="s">
        <v>310</v>
      </c>
      <c r="I327" s="8"/>
    </row>
    <row r="328" spans="1:9" s="28" customFormat="1" ht="26.4">
      <c r="A328" s="7" t="s">
        <v>353</v>
      </c>
      <c r="B328" s="8" t="s">
        <v>475</v>
      </c>
      <c r="C328" s="7">
        <v>12</v>
      </c>
      <c r="D328" s="9" t="s">
        <v>558</v>
      </c>
      <c r="E328" s="17" t="s">
        <v>584</v>
      </c>
      <c r="F328" s="19" t="s">
        <v>559</v>
      </c>
      <c r="G328" s="19" t="s">
        <v>1129</v>
      </c>
      <c r="H328" s="10" t="s">
        <v>310</v>
      </c>
      <c r="I328" s="8"/>
    </row>
    <row r="329" spans="1:9" s="28" customFormat="1" ht="26.4">
      <c r="A329" s="7" t="s">
        <v>353</v>
      </c>
      <c r="B329" s="8" t="s">
        <v>475</v>
      </c>
      <c r="C329" s="7">
        <v>13</v>
      </c>
      <c r="D329" s="9" t="s">
        <v>560</v>
      </c>
      <c r="E329" s="17" t="s">
        <v>584</v>
      </c>
      <c r="F329" s="19" t="s">
        <v>561</v>
      </c>
      <c r="G329" s="19" t="s">
        <v>1129</v>
      </c>
      <c r="H329" s="10" t="s">
        <v>310</v>
      </c>
      <c r="I329" s="8"/>
    </row>
    <row r="330" spans="1:9" s="28" customFormat="1" ht="26.4">
      <c r="A330" s="7" t="s">
        <v>353</v>
      </c>
      <c r="B330" s="8" t="s">
        <v>475</v>
      </c>
      <c r="C330" s="7">
        <v>14</v>
      </c>
      <c r="D330" s="9" t="s">
        <v>562</v>
      </c>
      <c r="E330" s="17" t="s">
        <v>584</v>
      </c>
      <c r="F330" s="19" t="s">
        <v>563</v>
      </c>
      <c r="G330" s="19" t="s">
        <v>1116</v>
      </c>
      <c r="H330" s="10" t="s">
        <v>310</v>
      </c>
      <c r="I330" s="8"/>
    </row>
    <row r="331" spans="1:9" s="28" customFormat="1" ht="26.4">
      <c r="A331" s="7" t="s">
        <v>353</v>
      </c>
      <c r="B331" s="8" t="s">
        <v>475</v>
      </c>
      <c r="C331" s="7">
        <v>15</v>
      </c>
      <c r="D331" s="9" t="s">
        <v>564</v>
      </c>
      <c r="E331" s="17" t="s">
        <v>584</v>
      </c>
      <c r="F331" s="19" t="s">
        <v>565</v>
      </c>
      <c r="G331" s="19" t="s">
        <v>1110</v>
      </c>
      <c r="H331" s="10" t="s">
        <v>310</v>
      </c>
      <c r="I331" s="8"/>
    </row>
    <row r="332" spans="1:9" s="28" customFormat="1" ht="26.4">
      <c r="A332" s="7" t="s">
        <v>353</v>
      </c>
      <c r="B332" s="8" t="s">
        <v>475</v>
      </c>
      <c r="C332" s="7">
        <v>16</v>
      </c>
      <c r="D332" s="9" t="s">
        <v>566</v>
      </c>
      <c r="E332" s="17" t="s">
        <v>584</v>
      </c>
      <c r="F332" s="19" t="s">
        <v>567</v>
      </c>
      <c r="G332" s="19" t="s">
        <v>1119</v>
      </c>
      <c r="H332" s="10" t="s">
        <v>310</v>
      </c>
      <c r="I332" s="8"/>
    </row>
    <row r="333" spans="1:9" s="28" customFormat="1" ht="26.4">
      <c r="A333" s="7" t="s">
        <v>353</v>
      </c>
      <c r="B333" s="8" t="s">
        <v>475</v>
      </c>
      <c r="C333" s="7">
        <v>17</v>
      </c>
      <c r="D333" s="9" t="s">
        <v>568</v>
      </c>
      <c r="E333" s="17" t="s">
        <v>584</v>
      </c>
      <c r="F333" s="19" t="s">
        <v>569</v>
      </c>
      <c r="G333" s="19" t="s">
        <v>1119</v>
      </c>
      <c r="H333" s="10" t="s">
        <v>310</v>
      </c>
      <c r="I333" s="8"/>
    </row>
    <row r="334" spans="1:9" s="28" customFormat="1" ht="26.4">
      <c r="A334" s="7" t="s">
        <v>353</v>
      </c>
      <c r="B334" s="8" t="s">
        <v>475</v>
      </c>
      <c r="C334" s="7">
        <v>18</v>
      </c>
      <c r="D334" s="9" t="s">
        <v>570</v>
      </c>
      <c r="E334" s="17" t="s">
        <v>584</v>
      </c>
      <c r="F334" s="19" t="s">
        <v>571</v>
      </c>
      <c r="G334" s="19" t="s">
        <v>1110</v>
      </c>
      <c r="H334" s="10" t="s">
        <v>310</v>
      </c>
      <c r="I334" s="8"/>
    </row>
    <row r="335" spans="1:9" s="28" customFormat="1" ht="26.4">
      <c r="A335" s="7" t="s">
        <v>353</v>
      </c>
      <c r="B335" s="8" t="s">
        <v>475</v>
      </c>
      <c r="C335" s="7">
        <v>19</v>
      </c>
      <c r="D335" s="9" t="s">
        <v>572</v>
      </c>
      <c r="E335" s="17" t="s">
        <v>584</v>
      </c>
      <c r="F335" s="19" t="s">
        <v>573</v>
      </c>
      <c r="G335" s="19" t="s">
        <v>1114</v>
      </c>
      <c r="H335" s="10" t="s">
        <v>310</v>
      </c>
      <c r="I335" s="8"/>
    </row>
    <row r="336" spans="1:9" s="28" customFormat="1" ht="26.4">
      <c r="A336" s="7" t="s">
        <v>353</v>
      </c>
      <c r="B336" s="8" t="s">
        <v>475</v>
      </c>
      <c r="C336" s="7">
        <v>20</v>
      </c>
      <c r="D336" s="9" t="s">
        <v>574</v>
      </c>
      <c r="E336" s="17" t="s">
        <v>584</v>
      </c>
      <c r="F336" s="19" t="s">
        <v>575</v>
      </c>
      <c r="G336" s="19" t="s">
        <v>1110</v>
      </c>
      <c r="H336" s="10" t="s">
        <v>310</v>
      </c>
      <c r="I336" s="8"/>
    </row>
    <row r="337" spans="1:9" s="28" customFormat="1" ht="26.4">
      <c r="A337" s="7" t="s">
        <v>353</v>
      </c>
      <c r="B337" s="8" t="s">
        <v>475</v>
      </c>
      <c r="C337" s="7">
        <v>21</v>
      </c>
      <c r="D337" s="9" t="s">
        <v>576</v>
      </c>
      <c r="E337" s="17" t="s">
        <v>584</v>
      </c>
      <c r="F337" s="19" t="s">
        <v>577</v>
      </c>
      <c r="G337" s="19" t="s">
        <v>1113</v>
      </c>
      <c r="H337" s="10" t="s">
        <v>310</v>
      </c>
      <c r="I337" s="8"/>
    </row>
    <row r="338" spans="1:9" s="28" customFormat="1" ht="26.4">
      <c r="A338" s="7" t="s">
        <v>353</v>
      </c>
      <c r="B338" s="8" t="s">
        <v>475</v>
      </c>
      <c r="C338" s="7">
        <v>22</v>
      </c>
      <c r="D338" s="9" t="s">
        <v>578</v>
      </c>
      <c r="E338" s="17" t="s">
        <v>584</v>
      </c>
      <c r="F338" s="19" t="s">
        <v>579</v>
      </c>
      <c r="G338" s="19" t="s">
        <v>1126</v>
      </c>
      <c r="H338" s="10" t="s">
        <v>310</v>
      </c>
      <c r="I338" s="8"/>
    </row>
    <row r="339" spans="1:9" s="28" customFormat="1" ht="26.4">
      <c r="A339" s="7" t="s">
        <v>353</v>
      </c>
      <c r="B339" s="8" t="s">
        <v>475</v>
      </c>
      <c r="C339" s="7">
        <v>23</v>
      </c>
      <c r="D339" s="9" t="s">
        <v>580</v>
      </c>
      <c r="E339" s="17" t="s">
        <v>584</v>
      </c>
      <c r="F339" s="19" t="s">
        <v>581</v>
      </c>
      <c r="G339" s="19" t="s">
        <v>1126</v>
      </c>
      <c r="H339" s="10" t="s">
        <v>310</v>
      </c>
      <c r="I339" s="8"/>
    </row>
    <row r="340" spans="1:9" s="28" customFormat="1" ht="26.4">
      <c r="A340" s="7" t="s">
        <v>353</v>
      </c>
      <c r="B340" s="8" t="s">
        <v>475</v>
      </c>
      <c r="C340" s="7">
        <v>24</v>
      </c>
      <c r="D340" s="9" t="s">
        <v>582</v>
      </c>
      <c r="E340" s="17" t="s">
        <v>584</v>
      </c>
      <c r="F340" s="9" t="s">
        <v>583</v>
      </c>
      <c r="G340" s="9" t="s">
        <v>1126</v>
      </c>
      <c r="H340" s="10" t="s">
        <v>310</v>
      </c>
      <c r="I340" s="8"/>
    </row>
    <row r="341" spans="1:9" ht="26.4">
      <c r="A341" s="7" t="s">
        <v>353</v>
      </c>
      <c r="B341" s="11" t="s">
        <v>357</v>
      </c>
      <c r="C341" s="12">
        <v>1</v>
      </c>
      <c r="D341" s="29" t="s">
        <v>358</v>
      </c>
      <c r="E341" s="26" t="s">
        <v>368</v>
      </c>
      <c r="F341" s="29" t="s">
        <v>444</v>
      </c>
      <c r="G341" s="29" t="s">
        <v>1130</v>
      </c>
      <c r="H341" s="13" t="s">
        <v>348</v>
      </c>
      <c r="I341" s="11"/>
    </row>
    <row r="342" spans="1:9" ht="26.4">
      <c r="A342" s="7" t="s">
        <v>353</v>
      </c>
      <c r="B342" s="11" t="s">
        <v>357</v>
      </c>
      <c r="C342" s="12">
        <v>2</v>
      </c>
      <c r="D342" s="29" t="s">
        <v>359</v>
      </c>
      <c r="E342" s="26" t="s">
        <v>368</v>
      </c>
      <c r="F342" s="29" t="s">
        <v>445</v>
      </c>
      <c r="G342" s="29" t="s">
        <v>1131</v>
      </c>
      <c r="H342" s="13" t="s">
        <v>348</v>
      </c>
      <c r="I342" s="11"/>
    </row>
    <row r="343" spans="1:9" ht="26.4">
      <c r="A343" s="7" t="s">
        <v>353</v>
      </c>
      <c r="B343" s="11" t="s">
        <v>357</v>
      </c>
      <c r="C343" s="12">
        <v>3</v>
      </c>
      <c r="D343" s="29" t="s">
        <v>360</v>
      </c>
      <c r="E343" s="26" t="s">
        <v>369</v>
      </c>
      <c r="F343" s="29" t="s">
        <v>370</v>
      </c>
      <c r="G343" s="29" t="s">
        <v>1132</v>
      </c>
      <c r="H343" s="13" t="s">
        <v>348</v>
      </c>
      <c r="I343" s="11"/>
    </row>
    <row r="344" spans="1:9" ht="26.4">
      <c r="A344" s="7" t="s">
        <v>353</v>
      </c>
      <c r="B344" s="11" t="s">
        <v>357</v>
      </c>
      <c r="C344" s="12">
        <v>4</v>
      </c>
      <c r="D344" s="10" t="s">
        <v>361</v>
      </c>
      <c r="E344" s="26" t="s">
        <v>369</v>
      </c>
      <c r="F344" s="10" t="s">
        <v>446</v>
      </c>
      <c r="G344" s="13" t="s">
        <v>1133</v>
      </c>
      <c r="H344" s="13" t="s">
        <v>348</v>
      </c>
      <c r="I344" s="11"/>
    </row>
    <row r="345" spans="1:9" ht="26.4">
      <c r="A345" s="7" t="s">
        <v>353</v>
      </c>
      <c r="B345" s="11" t="s">
        <v>357</v>
      </c>
      <c r="C345" s="12">
        <v>5</v>
      </c>
      <c r="D345" s="29" t="s">
        <v>362</v>
      </c>
      <c r="E345" s="26" t="s">
        <v>368</v>
      </c>
      <c r="F345" s="29" t="s">
        <v>447</v>
      </c>
      <c r="G345" s="29" t="s">
        <v>0</v>
      </c>
      <c r="H345" s="13" t="s">
        <v>348</v>
      </c>
      <c r="I345" s="11"/>
    </row>
    <row r="346" spans="1:9" ht="26.4">
      <c r="A346" s="7" t="s">
        <v>353</v>
      </c>
      <c r="B346" s="11" t="s">
        <v>357</v>
      </c>
      <c r="C346" s="12">
        <v>6</v>
      </c>
      <c r="D346" s="29" t="s">
        <v>363</v>
      </c>
      <c r="E346" s="26" t="s">
        <v>368</v>
      </c>
      <c r="F346" s="29" t="s">
        <v>448</v>
      </c>
      <c r="G346" s="29" t="s">
        <v>3</v>
      </c>
      <c r="H346" s="13" t="s">
        <v>348</v>
      </c>
      <c r="I346" s="11"/>
    </row>
    <row r="347" spans="1:9" ht="26.4">
      <c r="A347" s="7" t="s">
        <v>353</v>
      </c>
      <c r="B347" s="11" t="s">
        <v>357</v>
      </c>
      <c r="C347" s="12">
        <v>7</v>
      </c>
      <c r="D347" s="29" t="s">
        <v>364</v>
      </c>
      <c r="E347" s="26" t="s">
        <v>368</v>
      </c>
      <c r="F347" s="29" t="s">
        <v>449</v>
      </c>
      <c r="G347" s="29" t="s">
        <v>1131</v>
      </c>
      <c r="H347" s="13" t="s">
        <v>348</v>
      </c>
      <c r="I347" s="11"/>
    </row>
    <row r="348" spans="1:9" ht="26.4">
      <c r="A348" s="7" t="s">
        <v>353</v>
      </c>
      <c r="B348" s="11" t="s">
        <v>357</v>
      </c>
      <c r="C348" s="12">
        <v>8</v>
      </c>
      <c r="D348" s="10" t="s">
        <v>365</v>
      </c>
      <c r="E348" s="26" t="s">
        <v>369</v>
      </c>
      <c r="F348" s="10" t="s">
        <v>371</v>
      </c>
      <c r="G348" s="13" t="s">
        <v>1056</v>
      </c>
      <c r="H348" s="13" t="s">
        <v>348</v>
      </c>
      <c r="I348" s="11"/>
    </row>
    <row r="349" spans="1:9" ht="26.4">
      <c r="A349" s="7" t="s">
        <v>353</v>
      </c>
      <c r="B349" s="11" t="s">
        <v>357</v>
      </c>
      <c r="C349" s="12">
        <v>9</v>
      </c>
      <c r="D349" s="10" t="s">
        <v>366</v>
      </c>
      <c r="E349" s="26" t="s">
        <v>343</v>
      </c>
      <c r="F349" s="10" t="s">
        <v>450</v>
      </c>
      <c r="G349" s="13" t="s">
        <v>1134</v>
      </c>
      <c r="H349" s="13" t="s">
        <v>348</v>
      </c>
      <c r="I349" s="11"/>
    </row>
    <row r="350" spans="1:9" ht="26.4">
      <c r="A350" s="7" t="s">
        <v>353</v>
      </c>
      <c r="B350" s="11" t="s">
        <v>357</v>
      </c>
      <c r="C350" s="12">
        <v>10</v>
      </c>
      <c r="D350" s="29" t="s">
        <v>367</v>
      </c>
      <c r="E350" s="26" t="s">
        <v>369</v>
      </c>
      <c r="F350" s="29" t="s">
        <v>451</v>
      </c>
      <c r="G350" s="29" t="s">
        <v>1135</v>
      </c>
      <c r="H350" s="13" t="s">
        <v>348</v>
      </c>
      <c r="I350" s="11"/>
    </row>
    <row r="351" spans="1:9" ht="26.4">
      <c r="A351" s="7" t="s">
        <v>353</v>
      </c>
      <c r="B351" s="11" t="s">
        <v>357</v>
      </c>
      <c r="C351" s="12">
        <v>11</v>
      </c>
      <c r="D351" s="29" t="s">
        <v>372</v>
      </c>
      <c r="E351" s="26" t="s">
        <v>368</v>
      </c>
      <c r="F351" s="29" t="s">
        <v>444</v>
      </c>
      <c r="G351" s="29" t="s">
        <v>1130</v>
      </c>
      <c r="H351" s="13" t="s">
        <v>348</v>
      </c>
      <c r="I351" s="11"/>
    </row>
    <row r="352" spans="1:9" ht="26.4">
      <c r="A352" s="7" t="s">
        <v>353</v>
      </c>
      <c r="B352" s="11" t="s">
        <v>357</v>
      </c>
      <c r="C352" s="12">
        <v>12</v>
      </c>
      <c r="D352" s="29" t="s">
        <v>373</v>
      </c>
      <c r="E352" s="26" t="s">
        <v>368</v>
      </c>
      <c r="F352" s="29" t="s">
        <v>452</v>
      </c>
      <c r="G352" s="29" t="s">
        <v>1100</v>
      </c>
      <c r="H352" s="13" t="s">
        <v>348</v>
      </c>
      <c r="I352" s="11"/>
    </row>
    <row r="353" spans="1:9" ht="26.4">
      <c r="A353" s="7" t="s">
        <v>353</v>
      </c>
      <c r="B353" s="11" t="s">
        <v>357</v>
      </c>
      <c r="C353" s="12">
        <v>13</v>
      </c>
      <c r="D353" s="29" t="s">
        <v>374</v>
      </c>
      <c r="E353" s="26" t="s">
        <v>368</v>
      </c>
      <c r="F353" s="29" t="s">
        <v>453</v>
      </c>
      <c r="G353" s="29" t="s">
        <v>3</v>
      </c>
      <c r="H353" s="13" t="s">
        <v>348</v>
      </c>
      <c r="I353" s="11"/>
    </row>
    <row r="354" spans="1:9" ht="26.4">
      <c r="A354" s="7" t="s">
        <v>353</v>
      </c>
      <c r="B354" s="11" t="s">
        <v>357</v>
      </c>
      <c r="C354" s="12">
        <v>14</v>
      </c>
      <c r="D354" s="29" t="s">
        <v>375</v>
      </c>
      <c r="E354" s="26" t="s">
        <v>382</v>
      </c>
      <c r="F354" s="29" t="s">
        <v>454</v>
      </c>
      <c r="G354" s="29" t="s">
        <v>1136</v>
      </c>
      <c r="H354" s="13" t="s">
        <v>348</v>
      </c>
      <c r="I354" s="11"/>
    </row>
    <row r="355" spans="1:9" ht="26.4">
      <c r="A355" s="7" t="s">
        <v>353</v>
      </c>
      <c r="B355" s="11" t="s">
        <v>357</v>
      </c>
      <c r="C355" s="12">
        <v>15</v>
      </c>
      <c r="D355" s="29" t="s">
        <v>381</v>
      </c>
      <c r="E355" s="26" t="s">
        <v>382</v>
      </c>
      <c r="F355" s="29" t="s">
        <v>455</v>
      </c>
      <c r="G355" s="29" t="s">
        <v>1137</v>
      </c>
      <c r="H355" s="13" t="s">
        <v>348</v>
      </c>
      <c r="I355" s="11"/>
    </row>
    <row r="356" spans="1:9" ht="26.4">
      <c r="A356" s="7" t="s">
        <v>353</v>
      </c>
      <c r="B356" s="11" t="s">
        <v>357</v>
      </c>
      <c r="C356" s="12">
        <v>16</v>
      </c>
      <c r="D356" s="29" t="s">
        <v>376</v>
      </c>
      <c r="E356" s="26" t="s">
        <v>382</v>
      </c>
      <c r="F356" s="29" t="s">
        <v>456</v>
      </c>
      <c r="G356" s="29" t="s">
        <v>1130</v>
      </c>
      <c r="H356" s="13" t="s">
        <v>348</v>
      </c>
      <c r="I356" s="11"/>
    </row>
    <row r="357" spans="1:9" ht="26.4">
      <c r="A357" s="7" t="s">
        <v>353</v>
      </c>
      <c r="B357" s="11" t="s">
        <v>357</v>
      </c>
      <c r="C357" s="12">
        <v>17</v>
      </c>
      <c r="D357" s="10" t="s">
        <v>377</v>
      </c>
      <c r="E357" s="26" t="s">
        <v>382</v>
      </c>
      <c r="F357" s="10" t="s">
        <v>457</v>
      </c>
      <c r="G357" s="13" t="s">
        <v>1134</v>
      </c>
      <c r="H357" s="13" t="s">
        <v>348</v>
      </c>
      <c r="I357" s="11"/>
    </row>
    <row r="358" spans="1:9" ht="26.4">
      <c r="A358" s="7" t="s">
        <v>353</v>
      </c>
      <c r="B358" s="11" t="s">
        <v>357</v>
      </c>
      <c r="C358" s="12">
        <v>18</v>
      </c>
      <c r="D358" s="29" t="s">
        <v>378</v>
      </c>
      <c r="E358" s="26" t="s">
        <v>382</v>
      </c>
      <c r="F358" s="29" t="s">
        <v>458</v>
      </c>
      <c r="G358" s="29" t="s">
        <v>1138</v>
      </c>
      <c r="H358" s="13" t="s">
        <v>348</v>
      </c>
      <c r="I358" s="11"/>
    </row>
    <row r="359" spans="1:9" ht="26.4">
      <c r="A359" s="7" t="s">
        <v>353</v>
      </c>
      <c r="B359" s="11" t="s">
        <v>357</v>
      </c>
      <c r="C359" s="12">
        <v>19</v>
      </c>
      <c r="D359" s="29" t="s">
        <v>379</v>
      </c>
      <c r="E359" s="26" t="s">
        <v>382</v>
      </c>
      <c r="F359" s="29" t="s">
        <v>459</v>
      </c>
      <c r="G359" s="29" t="s">
        <v>1139</v>
      </c>
      <c r="H359" s="13" t="s">
        <v>348</v>
      </c>
      <c r="I359" s="11"/>
    </row>
    <row r="360" spans="1:9" ht="26.4">
      <c r="A360" s="7" t="s">
        <v>353</v>
      </c>
      <c r="B360" s="11" t="s">
        <v>357</v>
      </c>
      <c r="C360" s="12">
        <v>20</v>
      </c>
      <c r="D360" s="29" t="s">
        <v>380</v>
      </c>
      <c r="E360" s="26" t="s">
        <v>382</v>
      </c>
      <c r="F360" s="29" t="s">
        <v>449</v>
      </c>
      <c r="G360" s="29" t="s">
        <v>1131</v>
      </c>
      <c r="H360" s="13" t="s">
        <v>348</v>
      </c>
      <c r="I360" s="11"/>
    </row>
    <row r="361" spans="1:9" ht="26.4">
      <c r="A361" s="7" t="s">
        <v>353</v>
      </c>
      <c r="B361" s="11" t="s">
        <v>357</v>
      </c>
      <c r="C361" s="12">
        <v>21</v>
      </c>
      <c r="D361" s="10" t="s">
        <v>383</v>
      </c>
      <c r="E361" s="26" t="s">
        <v>395</v>
      </c>
      <c r="F361" s="10" t="s">
        <v>460</v>
      </c>
      <c r="G361" s="13" t="s">
        <v>1140</v>
      </c>
      <c r="H361" s="13" t="s">
        <v>348</v>
      </c>
      <c r="I361" s="11"/>
    </row>
    <row r="362" spans="1:9" ht="26.4">
      <c r="A362" s="7" t="s">
        <v>353</v>
      </c>
      <c r="B362" s="11" t="s">
        <v>357</v>
      </c>
      <c r="C362" s="12">
        <v>22</v>
      </c>
      <c r="D362" s="29" t="s">
        <v>384</v>
      </c>
      <c r="E362" s="26" t="s">
        <v>368</v>
      </c>
      <c r="F362" s="29" t="s">
        <v>461</v>
      </c>
      <c r="G362" s="29" t="s">
        <v>1138</v>
      </c>
      <c r="H362" s="13" t="s">
        <v>348</v>
      </c>
      <c r="I362" s="11"/>
    </row>
    <row r="363" spans="1:9" ht="26.4">
      <c r="A363" s="7" t="s">
        <v>353</v>
      </c>
      <c r="B363" s="11" t="s">
        <v>357</v>
      </c>
      <c r="C363" s="12">
        <v>23</v>
      </c>
      <c r="D363" s="10" t="s">
        <v>385</v>
      </c>
      <c r="E363" s="14" t="s">
        <v>382</v>
      </c>
      <c r="F363" s="10" t="s">
        <v>462</v>
      </c>
      <c r="G363" s="13" t="s">
        <v>1141</v>
      </c>
      <c r="H363" s="13" t="s">
        <v>348</v>
      </c>
      <c r="I363" s="11"/>
    </row>
    <row r="364" spans="1:9" ht="26.4">
      <c r="A364" s="7" t="s">
        <v>353</v>
      </c>
      <c r="B364" s="11" t="s">
        <v>357</v>
      </c>
      <c r="C364" s="12">
        <v>24</v>
      </c>
      <c r="D364" s="10" t="s">
        <v>386</v>
      </c>
      <c r="E364" s="26" t="s">
        <v>395</v>
      </c>
      <c r="F364" s="10" t="s">
        <v>463</v>
      </c>
      <c r="G364" s="13" t="s">
        <v>1142</v>
      </c>
      <c r="H364" s="13" t="s">
        <v>348</v>
      </c>
      <c r="I364" s="11"/>
    </row>
    <row r="365" spans="1:9" ht="26.4">
      <c r="A365" s="7" t="s">
        <v>353</v>
      </c>
      <c r="B365" s="11" t="s">
        <v>357</v>
      </c>
      <c r="C365" s="12">
        <v>25</v>
      </c>
      <c r="D365" s="29" t="s">
        <v>387</v>
      </c>
      <c r="E365" s="26" t="s">
        <v>368</v>
      </c>
      <c r="F365" s="29" t="s">
        <v>464</v>
      </c>
      <c r="G365" s="29" t="s">
        <v>1131</v>
      </c>
      <c r="H365" s="13" t="s">
        <v>348</v>
      </c>
      <c r="I365" s="11"/>
    </row>
    <row r="366" spans="1:9" ht="26.4">
      <c r="A366" s="7" t="s">
        <v>353</v>
      </c>
      <c r="B366" s="11" t="s">
        <v>357</v>
      </c>
      <c r="C366" s="12">
        <v>26</v>
      </c>
      <c r="D366" s="10" t="s">
        <v>388</v>
      </c>
      <c r="E366" s="26" t="s">
        <v>395</v>
      </c>
      <c r="F366" s="10" t="s">
        <v>465</v>
      </c>
      <c r="G366" s="13" t="s">
        <v>1142</v>
      </c>
      <c r="H366" s="13" t="s">
        <v>348</v>
      </c>
      <c r="I366" s="11"/>
    </row>
    <row r="367" spans="1:9" ht="26.4">
      <c r="A367" s="7" t="s">
        <v>353</v>
      </c>
      <c r="B367" s="11" t="s">
        <v>357</v>
      </c>
      <c r="C367" s="12">
        <v>27</v>
      </c>
      <c r="D367" s="10" t="s">
        <v>389</v>
      </c>
      <c r="E367" s="14" t="s">
        <v>394</v>
      </c>
      <c r="F367" s="10" t="s">
        <v>466</v>
      </c>
      <c r="G367" s="13" t="s">
        <v>1143</v>
      </c>
      <c r="H367" s="13" t="s">
        <v>348</v>
      </c>
      <c r="I367" s="11"/>
    </row>
    <row r="368" spans="1:9" ht="26.4">
      <c r="A368" s="7" t="s">
        <v>353</v>
      </c>
      <c r="B368" s="11" t="s">
        <v>357</v>
      </c>
      <c r="C368" s="12">
        <v>28</v>
      </c>
      <c r="D368" s="10" t="s">
        <v>390</v>
      </c>
      <c r="E368" s="26" t="s">
        <v>395</v>
      </c>
      <c r="F368" s="10" t="s">
        <v>393</v>
      </c>
      <c r="G368" s="13" t="s">
        <v>1144</v>
      </c>
      <c r="H368" s="13" t="s">
        <v>348</v>
      </c>
      <c r="I368" s="11"/>
    </row>
    <row r="369" spans="1:9" ht="26.4">
      <c r="A369" s="7" t="s">
        <v>353</v>
      </c>
      <c r="B369" s="11" t="s">
        <v>357</v>
      </c>
      <c r="C369" s="12">
        <v>29</v>
      </c>
      <c r="D369" s="10" t="s">
        <v>391</v>
      </c>
      <c r="E369" s="26" t="s">
        <v>395</v>
      </c>
      <c r="F369" s="10" t="s">
        <v>467</v>
      </c>
      <c r="G369" s="13" t="s">
        <v>1101</v>
      </c>
      <c r="H369" s="13" t="s">
        <v>348</v>
      </c>
      <c r="I369" s="11"/>
    </row>
    <row r="370" spans="1:9" ht="26.4">
      <c r="A370" s="7" t="s">
        <v>353</v>
      </c>
      <c r="B370" s="11" t="s">
        <v>357</v>
      </c>
      <c r="C370" s="12">
        <v>30</v>
      </c>
      <c r="D370" s="29" t="s">
        <v>392</v>
      </c>
      <c r="E370" s="26" t="s">
        <v>368</v>
      </c>
      <c r="F370" s="29" t="s">
        <v>468</v>
      </c>
      <c r="G370" s="29" t="s">
        <v>3</v>
      </c>
      <c r="H370" s="13" t="s">
        <v>348</v>
      </c>
      <c r="I370" s="11"/>
    </row>
    <row r="371" spans="1:9" ht="26.4">
      <c r="A371" s="7" t="s">
        <v>353</v>
      </c>
      <c r="B371" s="11" t="s">
        <v>357</v>
      </c>
      <c r="C371" s="12">
        <v>31</v>
      </c>
      <c r="D371" s="10" t="s">
        <v>396</v>
      </c>
      <c r="E371" s="11" t="s">
        <v>369</v>
      </c>
      <c r="F371" s="15" t="s">
        <v>397</v>
      </c>
      <c r="G371" s="13" t="s">
        <v>1133</v>
      </c>
      <c r="H371" s="13" t="s">
        <v>348</v>
      </c>
      <c r="I371" s="11"/>
    </row>
    <row r="372" spans="1:9" ht="26.4">
      <c r="A372" s="7" t="s">
        <v>353</v>
      </c>
      <c r="B372" s="11" t="s">
        <v>357</v>
      </c>
      <c r="C372" s="12">
        <v>32</v>
      </c>
      <c r="D372" s="10" t="s">
        <v>398</v>
      </c>
      <c r="E372" s="11" t="s">
        <v>395</v>
      </c>
      <c r="F372" s="10" t="s">
        <v>399</v>
      </c>
      <c r="G372" s="13" t="s">
        <v>1144</v>
      </c>
      <c r="H372" s="13" t="s">
        <v>348</v>
      </c>
      <c r="I372" s="11"/>
    </row>
    <row r="373" spans="1:9" ht="26.4">
      <c r="A373" s="7" t="s">
        <v>353</v>
      </c>
      <c r="B373" s="11" t="s">
        <v>357</v>
      </c>
      <c r="C373" s="12">
        <v>33</v>
      </c>
      <c r="D373" s="10" t="s">
        <v>400</v>
      </c>
      <c r="E373" s="11" t="s">
        <v>395</v>
      </c>
      <c r="F373" s="10" t="s">
        <v>401</v>
      </c>
      <c r="G373" s="13" t="s">
        <v>1145</v>
      </c>
      <c r="H373" s="13" t="s">
        <v>348</v>
      </c>
      <c r="I373" s="11"/>
    </row>
    <row r="374" spans="1:9" ht="26.4">
      <c r="A374" s="7" t="s">
        <v>353</v>
      </c>
      <c r="B374" s="11" t="s">
        <v>357</v>
      </c>
      <c r="C374" s="12">
        <v>1</v>
      </c>
      <c r="D374" s="29" t="s">
        <v>409</v>
      </c>
      <c r="E374" s="26" t="s">
        <v>416</v>
      </c>
      <c r="F374" s="29" t="s">
        <v>402</v>
      </c>
      <c r="G374" s="29" t="s">
        <v>1146</v>
      </c>
      <c r="H374" s="13" t="s">
        <v>310</v>
      </c>
      <c r="I374" s="11"/>
    </row>
    <row r="375" spans="1:9" ht="26.4">
      <c r="A375" s="7" t="s">
        <v>353</v>
      </c>
      <c r="B375" s="11" t="s">
        <v>357</v>
      </c>
      <c r="C375" s="12">
        <v>2</v>
      </c>
      <c r="D375" s="29" t="s">
        <v>410</v>
      </c>
      <c r="E375" s="26" t="s">
        <v>369</v>
      </c>
      <c r="F375" s="29" t="s">
        <v>403</v>
      </c>
      <c r="G375" s="29" t="s">
        <v>1132</v>
      </c>
      <c r="H375" s="13" t="s">
        <v>310</v>
      </c>
      <c r="I375" s="11"/>
    </row>
    <row r="376" spans="1:9" ht="26.4">
      <c r="A376" s="7" t="s">
        <v>353</v>
      </c>
      <c r="B376" s="11" t="s">
        <v>357</v>
      </c>
      <c r="C376" s="12">
        <v>3</v>
      </c>
      <c r="D376" s="29" t="s">
        <v>411</v>
      </c>
      <c r="E376" s="26" t="s">
        <v>416</v>
      </c>
      <c r="F376" s="29" t="s">
        <v>404</v>
      </c>
      <c r="G376" s="29" t="s">
        <v>1147</v>
      </c>
      <c r="H376" s="13" t="s">
        <v>310</v>
      </c>
      <c r="I376" s="11"/>
    </row>
    <row r="377" spans="1:9" ht="26.4">
      <c r="A377" s="7" t="s">
        <v>353</v>
      </c>
      <c r="B377" s="11" t="s">
        <v>357</v>
      </c>
      <c r="C377" s="12">
        <v>4</v>
      </c>
      <c r="D377" s="29" t="s">
        <v>412</v>
      </c>
      <c r="E377" s="26" t="s">
        <v>368</v>
      </c>
      <c r="F377" s="29" t="s">
        <v>405</v>
      </c>
      <c r="G377" s="29" t="s">
        <v>1130</v>
      </c>
      <c r="H377" s="13" t="s">
        <v>310</v>
      </c>
      <c r="I377" s="11"/>
    </row>
    <row r="378" spans="1:9" ht="26.4">
      <c r="A378" s="7" t="s">
        <v>353</v>
      </c>
      <c r="B378" s="11" t="s">
        <v>357</v>
      </c>
      <c r="C378" s="12">
        <v>5</v>
      </c>
      <c r="D378" s="29" t="s">
        <v>413</v>
      </c>
      <c r="E378" s="26" t="s">
        <v>368</v>
      </c>
      <c r="F378" s="29" t="s">
        <v>406</v>
      </c>
      <c r="G378" s="29" t="s">
        <v>1130</v>
      </c>
      <c r="H378" s="13" t="s">
        <v>310</v>
      </c>
      <c r="I378" s="11"/>
    </row>
    <row r="379" spans="1:9" ht="26.4">
      <c r="A379" s="7" t="s">
        <v>353</v>
      </c>
      <c r="B379" s="11" t="s">
        <v>357</v>
      </c>
      <c r="C379" s="12">
        <v>6</v>
      </c>
      <c r="D379" s="29" t="s">
        <v>414</v>
      </c>
      <c r="E379" s="26" t="s">
        <v>416</v>
      </c>
      <c r="F379" s="29" t="s">
        <v>407</v>
      </c>
      <c r="G379" s="29" t="s">
        <v>1146</v>
      </c>
      <c r="H379" s="13" t="s">
        <v>310</v>
      </c>
      <c r="I379" s="11"/>
    </row>
    <row r="380" spans="1:9" ht="26.4">
      <c r="A380" s="7" t="s">
        <v>353</v>
      </c>
      <c r="B380" s="11" t="s">
        <v>357</v>
      </c>
      <c r="C380" s="12">
        <v>7</v>
      </c>
      <c r="D380" s="29" t="s">
        <v>415</v>
      </c>
      <c r="E380" s="26" t="s">
        <v>933</v>
      </c>
      <c r="F380" s="29" t="s">
        <v>408</v>
      </c>
      <c r="G380" s="29" t="s">
        <v>1148</v>
      </c>
      <c r="H380" s="13" t="s">
        <v>310</v>
      </c>
      <c r="I380" s="11"/>
    </row>
    <row r="381" spans="1:9" ht="26.4">
      <c r="A381" s="7" t="s">
        <v>353</v>
      </c>
      <c r="B381" s="11" t="s">
        <v>357</v>
      </c>
      <c r="C381" s="12">
        <v>8</v>
      </c>
      <c r="D381" s="29" t="s">
        <v>417</v>
      </c>
      <c r="E381" s="26" t="s">
        <v>368</v>
      </c>
      <c r="F381" s="29" t="s">
        <v>422</v>
      </c>
      <c r="G381" s="29" t="s">
        <v>1135</v>
      </c>
      <c r="H381" s="13" t="s">
        <v>310</v>
      </c>
      <c r="I381" s="11"/>
    </row>
    <row r="382" spans="1:9" ht="26.4">
      <c r="A382" s="7" t="s">
        <v>353</v>
      </c>
      <c r="B382" s="11" t="s">
        <v>357</v>
      </c>
      <c r="C382" s="12">
        <v>9</v>
      </c>
      <c r="D382" s="29" t="s">
        <v>418</v>
      </c>
      <c r="E382" s="26" t="s">
        <v>368</v>
      </c>
      <c r="F382" s="29" t="s">
        <v>423</v>
      </c>
      <c r="G382" s="29" t="s">
        <v>1130</v>
      </c>
      <c r="H382" s="13" t="s">
        <v>310</v>
      </c>
      <c r="I382" s="11"/>
    </row>
    <row r="383" spans="1:9" ht="26.4">
      <c r="A383" s="7" t="s">
        <v>353</v>
      </c>
      <c r="B383" s="11" t="s">
        <v>357</v>
      </c>
      <c r="C383" s="12">
        <v>10</v>
      </c>
      <c r="D383" s="29" t="s">
        <v>419</v>
      </c>
      <c r="E383" s="26" t="s">
        <v>369</v>
      </c>
      <c r="F383" s="29" t="s">
        <v>424</v>
      </c>
      <c r="G383" s="29" t="s">
        <v>1148</v>
      </c>
      <c r="H383" s="13" t="s">
        <v>310</v>
      </c>
      <c r="I383" s="11"/>
    </row>
    <row r="384" spans="1:9" ht="26.4">
      <c r="A384" s="7" t="s">
        <v>353</v>
      </c>
      <c r="B384" s="11" t="s">
        <v>357</v>
      </c>
      <c r="C384" s="12">
        <v>11</v>
      </c>
      <c r="D384" s="29" t="s">
        <v>420</v>
      </c>
      <c r="E384" s="26" t="s">
        <v>416</v>
      </c>
      <c r="F384" s="29" t="s">
        <v>425</v>
      </c>
      <c r="G384" s="29" t="s">
        <v>1138</v>
      </c>
      <c r="H384" s="13" t="s">
        <v>310</v>
      </c>
      <c r="I384" s="11"/>
    </row>
    <row r="385" spans="1:9" ht="26.4">
      <c r="A385" s="7" t="s">
        <v>353</v>
      </c>
      <c r="B385" s="11" t="s">
        <v>357</v>
      </c>
      <c r="C385" s="12">
        <v>12</v>
      </c>
      <c r="D385" s="29" t="s">
        <v>421</v>
      </c>
      <c r="E385" s="26" t="s">
        <v>416</v>
      </c>
      <c r="F385" s="29" t="s">
        <v>426</v>
      </c>
      <c r="G385" s="29" t="s">
        <v>1146</v>
      </c>
      <c r="H385" s="13" t="s">
        <v>310</v>
      </c>
      <c r="I385" s="11"/>
    </row>
    <row r="386" spans="1:9" ht="26.4">
      <c r="A386" s="7" t="s">
        <v>353</v>
      </c>
      <c r="B386" s="11" t="s">
        <v>357</v>
      </c>
      <c r="C386" s="12">
        <v>13</v>
      </c>
      <c r="D386" s="29" t="s">
        <v>427</v>
      </c>
      <c r="E386" s="26" t="s">
        <v>368</v>
      </c>
      <c r="F386" s="29" t="s">
        <v>434</v>
      </c>
      <c r="G386" s="29" t="s">
        <v>1131</v>
      </c>
      <c r="H386" s="13" t="s">
        <v>310</v>
      </c>
      <c r="I386" s="11"/>
    </row>
    <row r="387" spans="1:9" ht="26.4">
      <c r="A387" s="7" t="s">
        <v>353</v>
      </c>
      <c r="B387" s="11" t="s">
        <v>357</v>
      </c>
      <c r="C387" s="12">
        <v>14</v>
      </c>
      <c r="D387" s="29" t="s">
        <v>428</v>
      </c>
      <c r="E387" s="26" t="s">
        <v>368</v>
      </c>
      <c r="F387" s="29" t="s">
        <v>435</v>
      </c>
      <c r="G387" s="29" t="s">
        <v>1130</v>
      </c>
      <c r="H387" s="13" t="s">
        <v>310</v>
      </c>
      <c r="I387" s="11"/>
    </row>
    <row r="388" spans="1:9" ht="26.4">
      <c r="A388" s="7" t="s">
        <v>353</v>
      </c>
      <c r="B388" s="11" t="s">
        <v>357</v>
      </c>
      <c r="C388" s="12">
        <v>15</v>
      </c>
      <c r="D388" s="29" t="s">
        <v>429</v>
      </c>
      <c r="E388" s="26" t="s">
        <v>368</v>
      </c>
      <c r="F388" s="29" t="s">
        <v>436</v>
      </c>
      <c r="G388" s="29" t="s">
        <v>1131</v>
      </c>
      <c r="H388" s="13" t="s">
        <v>310</v>
      </c>
      <c r="I388" s="11"/>
    </row>
    <row r="389" spans="1:9" ht="26.4">
      <c r="A389" s="7" t="s">
        <v>353</v>
      </c>
      <c r="B389" s="11" t="s">
        <v>357</v>
      </c>
      <c r="C389" s="12">
        <v>16</v>
      </c>
      <c r="D389" s="29" t="s">
        <v>430</v>
      </c>
      <c r="E389" s="26" t="s">
        <v>416</v>
      </c>
      <c r="F389" s="29" t="s">
        <v>426</v>
      </c>
      <c r="G389" s="29" t="s">
        <v>1146</v>
      </c>
      <c r="H389" s="13" t="s">
        <v>310</v>
      </c>
      <c r="I389" s="11"/>
    </row>
    <row r="390" spans="1:9" ht="26.4">
      <c r="A390" s="7" t="s">
        <v>353</v>
      </c>
      <c r="B390" s="11" t="s">
        <v>357</v>
      </c>
      <c r="C390" s="12">
        <v>17</v>
      </c>
      <c r="D390" s="29" t="s">
        <v>431</v>
      </c>
      <c r="E390" s="26" t="s">
        <v>382</v>
      </c>
      <c r="F390" s="29" t="s">
        <v>437</v>
      </c>
      <c r="G390" s="29" t="s">
        <v>1146</v>
      </c>
      <c r="H390" s="13" t="s">
        <v>310</v>
      </c>
      <c r="I390" s="11"/>
    </row>
    <row r="391" spans="1:9" ht="26.4">
      <c r="A391" s="7" t="s">
        <v>353</v>
      </c>
      <c r="B391" s="11" t="s">
        <v>357</v>
      </c>
      <c r="C391" s="12">
        <v>18</v>
      </c>
      <c r="D391" s="29" t="s">
        <v>432</v>
      </c>
      <c r="E391" s="26" t="s">
        <v>368</v>
      </c>
      <c r="F391" s="29" t="s">
        <v>438</v>
      </c>
      <c r="G391" s="29" t="s">
        <v>1130</v>
      </c>
      <c r="H391" s="13" t="s">
        <v>310</v>
      </c>
      <c r="I391" s="11"/>
    </row>
    <row r="392" spans="1:9" ht="26.4">
      <c r="A392" s="7" t="s">
        <v>353</v>
      </c>
      <c r="B392" s="11" t="s">
        <v>357</v>
      </c>
      <c r="C392" s="12">
        <v>19</v>
      </c>
      <c r="D392" s="29" t="s">
        <v>433</v>
      </c>
      <c r="E392" s="26" t="s">
        <v>368</v>
      </c>
      <c r="F392" s="29" t="s">
        <v>439</v>
      </c>
      <c r="G392" s="29" t="s">
        <v>1131</v>
      </c>
      <c r="H392" s="13" t="s">
        <v>310</v>
      </c>
      <c r="I392" s="11"/>
    </row>
    <row r="393" spans="1:9" ht="26.4">
      <c r="A393" s="7" t="s">
        <v>353</v>
      </c>
      <c r="B393" s="11" t="s">
        <v>357</v>
      </c>
      <c r="C393" s="12">
        <v>20</v>
      </c>
      <c r="D393" s="29" t="s">
        <v>440</v>
      </c>
      <c r="E393" s="26" t="s">
        <v>368</v>
      </c>
      <c r="F393" s="29" t="s">
        <v>442</v>
      </c>
      <c r="G393" s="29" t="s">
        <v>1131</v>
      </c>
      <c r="H393" s="13" t="s">
        <v>310</v>
      </c>
      <c r="I393" s="11"/>
    </row>
    <row r="394" spans="1:9" ht="26.4">
      <c r="A394" s="7" t="s">
        <v>353</v>
      </c>
      <c r="B394" s="11" t="s">
        <v>357</v>
      </c>
      <c r="C394" s="12">
        <v>21</v>
      </c>
      <c r="D394" s="29" t="s">
        <v>441</v>
      </c>
      <c r="E394" s="26" t="s">
        <v>368</v>
      </c>
      <c r="F394" s="29" t="s">
        <v>443</v>
      </c>
      <c r="G394" s="29" t="s">
        <v>1131</v>
      </c>
      <c r="H394" s="13" t="s">
        <v>310</v>
      </c>
      <c r="I394" s="11"/>
    </row>
    <row r="395" spans="1:9" ht="27.9" customHeight="1">
      <c r="A395" s="7" t="s">
        <v>353</v>
      </c>
      <c r="B395" s="7" t="s">
        <v>252</v>
      </c>
      <c r="C395" s="7">
        <v>1</v>
      </c>
      <c r="D395" s="16" t="s">
        <v>253</v>
      </c>
      <c r="E395" s="17" t="s">
        <v>345</v>
      </c>
      <c r="F395" s="16" t="s">
        <v>201</v>
      </c>
      <c r="G395" s="16" t="s">
        <v>1116</v>
      </c>
      <c r="H395" s="16" t="s">
        <v>348</v>
      </c>
      <c r="I395" s="18"/>
    </row>
    <row r="396" spans="1:9" ht="27.9" customHeight="1">
      <c r="A396" s="7" t="s">
        <v>353</v>
      </c>
      <c r="B396" s="7" t="s">
        <v>252</v>
      </c>
      <c r="C396" s="7">
        <v>2</v>
      </c>
      <c r="D396" s="16" t="s">
        <v>254</v>
      </c>
      <c r="E396" s="17" t="s">
        <v>345</v>
      </c>
      <c r="F396" s="16" t="s">
        <v>202</v>
      </c>
      <c r="G396" s="16" t="s">
        <v>1149</v>
      </c>
      <c r="H396" s="16" t="s">
        <v>348</v>
      </c>
      <c r="I396" s="18"/>
    </row>
    <row r="397" spans="1:9" ht="27.9" customHeight="1">
      <c r="A397" s="7" t="s">
        <v>353</v>
      </c>
      <c r="B397" s="7" t="s">
        <v>252</v>
      </c>
      <c r="C397" s="7">
        <v>3</v>
      </c>
      <c r="D397" s="16" t="s">
        <v>255</v>
      </c>
      <c r="E397" s="17" t="s">
        <v>345</v>
      </c>
      <c r="F397" s="16" t="s">
        <v>203</v>
      </c>
      <c r="G397" s="16" t="s">
        <v>1150</v>
      </c>
      <c r="H397" s="16" t="s">
        <v>348</v>
      </c>
      <c r="I397" s="18"/>
    </row>
    <row r="398" spans="1:9" ht="27.75" customHeight="1">
      <c r="A398" s="7" t="s">
        <v>353</v>
      </c>
      <c r="B398" s="7" t="s">
        <v>252</v>
      </c>
      <c r="C398" s="7">
        <v>4</v>
      </c>
      <c r="D398" s="16" t="s">
        <v>256</v>
      </c>
      <c r="E398" s="17" t="s">
        <v>345</v>
      </c>
      <c r="F398" s="16" t="s">
        <v>204</v>
      </c>
      <c r="G398" s="16" t="s">
        <v>1151</v>
      </c>
      <c r="H398" s="16" t="s">
        <v>348</v>
      </c>
      <c r="I398" s="18"/>
    </row>
    <row r="399" spans="1:9" ht="27.9" customHeight="1">
      <c r="A399" s="7" t="s">
        <v>353</v>
      </c>
      <c r="B399" s="7" t="s">
        <v>252</v>
      </c>
      <c r="C399" s="7">
        <v>5</v>
      </c>
      <c r="D399" s="16" t="s">
        <v>257</v>
      </c>
      <c r="E399" s="17" t="s">
        <v>345</v>
      </c>
      <c r="F399" s="16" t="s">
        <v>205</v>
      </c>
      <c r="G399" s="16" t="s">
        <v>1129</v>
      </c>
      <c r="H399" s="16" t="s">
        <v>348</v>
      </c>
      <c r="I399" s="18"/>
    </row>
    <row r="400" spans="1:9" ht="27.9" customHeight="1">
      <c r="A400" s="7" t="s">
        <v>353</v>
      </c>
      <c r="B400" s="7" t="s">
        <v>252</v>
      </c>
      <c r="C400" s="7">
        <v>6</v>
      </c>
      <c r="D400" s="16" t="s">
        <v>123</v>
      </c>
      <c r="E400" s="17" t="s">
        <v>345</v>
      </c>
      <c r="F400" s="16" t="s">
        <v>206</v>
      </c>
      <c r="G400" s="16" t="s">
        <v>1152</v>
      </c>
      <c r="H400" s="16" t="s">
        <v>348</v>
      </c>
      <c r="I400" s="18"/>
    </row>
    <row r="401" spans="1:9" ht="27.9" customHeight="1">
      <c r="A401" s="7" t="s">
        <v>353</v>
      </c>
      <c r="B401" s="7" t="s">
        <v>252</v>
      </c>
      <c r="C401" s="7">
        <v>7</v>
      </c>
      <c r="D401" s="16" t="s">
        <v>258</v>
      </c>
      <c r="E401" s="17" t="s">
        <v>343</v>
      </c>
      <c r="F401" s="16" t="s">
        <v>207</v>
      </c>
      <c r="G401" s="16" t="s">
        <v>1056</v>
      </c>
      <c r="H401" s="16" t="s">
        <v>348</v>
      </c>
      <c r="I401" s="18"/>
    </row>
    <row r="402" spans="1:9" ht="27.9" customHeight="1">
      <c r="A402" s="7" t="s">
        <v>353</v>
      </c>
      <c r="B402" s="7" t="s">
        <v>252</v>
      </c>
      <c r="C402" s="7">
        <v>8</v>
      </c>
      <c r="D402" s="16" t="s">
        <v>259</v>
      </c>
      <c r="E402" s="17" t="s">
        <v>345</v>
      </c>
      <c r="F402" s="16" t="s">
        <v>208</v>
      </c>
      <c r="G402" s="16" t="s">
        <v>1153</v>
      </c>
      <c r="H402" s="16" t="s">
        <v>348</v>
      </c>
      <c r="I402" s="18"/>
    </row>
    <row r="403" spans="1:9" ht="27.9" customHeight="1">
      <c r="A403" s="7" t="s">
        <v>353</v>
      </c>
      <c r="B403" s="7" t="s">
        <v>252</v>
      </c>
      <c r="C403" s="7">
        <v>9</v>
      </c>
      <c r="D403" s="16" t="s">
        <v>260</v>
      </c>
      <c r="E403" s="17" t="s">
        <v>345</v>
      </c>
      <c r="F403" s="16" t="s">
        <v>209</v>
      </c>
      <c r="G403" s="16" t="s">
        <v>1154</v>
      </c>
      <c r="H403" s="16" t="s">
        <v>348</v>
      </c>
      <c r="I403" s="18"/>
    </row>
    <row r="404" spans="1:9" ht="27.9" customHeight="1">
      <c r="A404" s="7" t="s">
        <v>353</v>
      </c>
      <c r="B404" s="7" t="s">
        <v>252</v>
      </c>
      <c r="C404" s="7">
        <v>10</v>
      </c>
      <c r="D404" s="16" t="s">
        <v>261</v>
      </c>
      <c r="E404" s="17" t="s">
        <v>345</v>
      </c>
      <c r="F404" s="16" t="s">
        <v>210</v>
      </c>
      <c r="G404" s="16" t="s">
        <v>1155</v>
      </c>
      <c r="H404" s="16" t="s">
        <v>348</v>
      </c>
      <c r="I404" s="18"/>
    </row>
    <row r="405" spans="1:9" ht="27.9" customHeight="1">
      <c r="A405" s="7" t="s">
        <v>353</v>
      </c>
      <c r="B405" s="7" t="s">
        <v>252</v>
      </c>
      <c r="C405" s="7">
        <v>11</v>
      </c>
      <c r="D405" s="16" t="s">
        <v>92</v>
      </c>
      <c r="E405" s="17" t="s">
        <v>345</v>
      </c>
      <c r="F405" s="16" t="s">
        <v>211</v>
      </c>
      <c r="G405" s="16" t="s">
        <v>1151</v>
      </c>
      <c r="H405" s="16" t="s">
        <v>348</v>
      </c>
      <c r="I405" s="18"/>
    </row>
    <row r="406" spans="1:9" ht="27.9" customHeight="1">
      <c r="A406" s="7" t="s">
        <v>353</v>
      </c>
      <c r="B406" s="7" t="s">
        <v>252</v>
      </c>
      <c r="C406" s="7">
        <v>12</v>
      </c>
      <c r="D406" s="16" t="s">
        <v>262</v>
      </c>
      <c r="E406" s="17" t="s">
        <v>345</v>
      </c>
      <c r="F406" s="16" t="s">
        <v>212</v>
      </c>
      <c r="G406" s="16" t="s">
        <v>1156</v>
      </c>
      <c r="H406" s="16" t="s">
        <v>348</v>
      </c>
      <c r="I406" s="18"/>
    </row>
    <row r="407" spans="1:9" ht="27.9" customHeight="1">
      <c r="A407" s="7" t="s">
        <v>353</v>
      </c>
      <c r="B407" s="7" t="s">
        <v>252</v>
      </c>
      <c r="C407" s="7">
        <v>13</v>
      </c>
      <c r="D407" s="16" t="s">
        <v>263</v>
      </c>
      <c r="E407" s="17" t="s">
        <v>345</v>
      </c>
      <c r="F407" s="16" t="s">
        <v>213</v>
      </c>
      <c r="G407" s="16" t="s">
        <v>1116</v>
      </c>
      <c r="H407" s="16" t="s">
        <v>348</v>
      </c>
      <c r="I407" s="18"/>
    </row>
    <row r="408" spans="1:9" ht="27.9" customHeight="1">
      <c r="A408" s="7" t="s">
        <v>353</v>
      </c>
      <c r="B408" s="7" t="s">
        <v>252</v>
      </c>
      <c r="C408" s="7">
        <v>14</v>
      </c>
      <c r="D408" s="16" t="s">
        <v>264</v>
      </c>
      <c r="E408" s="17" t="s">
        <v>345</v>
      </c>
      <c r="F408" s="16" t="s">
        <v>214</v>
      </c>
      <c r="G408" s="16" t="s">
        <v>1113</v>
      </c>
      <c r="H408" s="16" t="s">
        <v>348</v>
      </c>
      <c r="I408" s="18"/>
    </row>
    <row r="409" spans="1:9" ht="27.9" customHeight="1">
      <c r="A409" s="7" t="s">
        <v>353</v>
      </c>
      <c r="B409" s="7" t="s">
        <v>252</v>
      </c>
      <c r="C409" s="7">
        <v>15</v>
      </c>
      <c r="D409" s="16" t="s">
        <v>265</v>
      </c>
      <c r="E409" s="17" t="s">
        <v>346</v>
      </c>
      <c r="F409" s="16" t="s">
        <v>215</v>
      </c>
      <c r="G409" s="16" t="s">
        <v>1059</v>
      </c>
      <c r="H409" s="16" t="s">
        <v>348</v>
      </c>
      <c r="I409" s="18"/>
    </row>
    <row r="410" spans="1:9" ht="27.9" customHeight="1">
      <c r="A410" s="7" t="s">
        <v>353</v>
      </c>
      <c r="B410" s="7" t="s">
        <v>252</v>
      </c>
      <c r="C410" s="7">
        <v>16</v>
      </c>
      <c r="D410" s="16" t="s">
        <v>266</v>
      </c>
      <c r="E410" s="17" t="s">
        <v>346</v>
      </c>
      <c r="F410" s="16" t="s">
        <v>216</v>
      </c>
      <c r="G410" s="16" t="s">
        <v>1157</v>
      </c>
      <c r="H410" s="16" t="s">
        <v>348</v>
      </c>
      <c r="I410" s="18"/>
    </row>
    <row r="411" spans="1:9" ht="27.9" customHeight="1">
      <c r="A411" s="7" t="s">
        <v>353</v>
      </c>
      <c r="B411" s="7" t="s">
        <v>252</v>
      </c>
      <c r="C411" s="7">
        <v>17</v>
      </c>
      <c r="D411" s="16" t="s">
        <v>144</v>
      </c>
      <c r="E411" s="17" t="s">
        <v>345</v>
      </c>
      <c r="F411" s="16" t="s">
        <v>217</v>
      </c>
      <c r="G411" s="16" t="s">
        <v>1129</v>
      </c>
      <c r="H411" s="16" t="s">
        <v>348</v>
      </c>
      <c r="I411" s="18"/>
    </row>
    <row r="412" spans="1:9" ht="27.9" customHeight="1">
      <c r="A412" s="7" t="s">
        <v>353</v>
      </c>
      <c r="B412" s="7" t="s">
        <v>252</v>
      </c>
      <c r="C412" s="7">
        <v>18</v>
      </c>
      <c r="D412" s="16" t="s">
        <v>267</v>
      </c>
      <c r="E412" s="17" t="s">
        <v>345</v>
      </c>
      <c r="F412" s="16" t="s">
        <v>218</v>
      </c>
      <c r="G412" s="16" t="s">
        <v>1113</v>
      </c>
      <c r="H412" s="16" t="s">
        <v>348</v>
      </c>
      <c r="I412" s="18"/>
    </row>
    <row r="413" spans="1:9" ht="27.9" customHeight="1">
      <c r="A413" s="7" t="s">
        <v>353</v>
      </c>
      <c r="B413" s="7" t="s">
        <v>252</v>
      </c>
      <c r="C413" s="7">
        <v>19</v>
      </c>
      <c r="D413" s="16" t="s">
        <v>93</v>
      </c>
      <c r="E413" s="17" t="s">
        <v>345</v>
      </c>
      <c r="F413" s="16" t="s">
        <v>219</v>
      </c>
      <c r="G413" s="16" t="s">
        <v>1158</v>
      </c>
      <c r="H413" s="16" t="s">
        <v>348</v>
      </c>
      <c r="I413" s="18"/>
    </row>
    <row r="414" spans="1:9" ht="27.9" customHeight="1">
      <c r="A414" s="7" t="s">
        <v>353</v>
      </c>
      <c r="B414" s="7" t="s">
        <v>252</v>
      </c>
      <c r="C414" s="7">
        <v>20</v>
      </c>
      <c r="D414" s="16" t="s">
        <v>268</v>
      </c>
      <c r="E414" s="17" t="s">
        <v>345</v>
      </c>
      <c r="F414" s="16" t="s">
        <v>220</v>
      </c>
      <c r="G414" s="16" t="s">
        <v>1129</v>
      </c>
      <c r="H414" s="16" t="s">
        <v>348</v>
      </c>
      <c r="I414" s="18"/>
    </row>
    <row r="415" spans="1:9" ht="27.9" customHeight="1">
      <c r="A415" s="7" t="s">
        <v>353</v>
      </c>
      <c r="B415" s="7" t="s">
        <v>252</v>
      </c>
      <c r="C415" s="7">
        <v>21</v>
      </c>
      <c r="D415" s="16" t="s">
        <v>14</v>
      </c>
      <c r="E415" s="17" t="s">
        <v>345</v>
      </c>
      <c r="F415" s="16" t="s">
        <v>221</v>
      </c>
      <c r="G415" s="16" t="s">
        <v>1159</v>
      </c>
      <c r="H415" s="16" t="s">
        <v>348</v>
      </c>
      <c r="I415" s="18"/>
    </row>
    <row r="416" spans="1:9" ht="27.9" customHeight="1">
      <c r="A416" s="7" t="s">
        <v>353</v>
      </c>
      <c r="B416" s="7" t="s">
        <v>252</v>
      </c>
      <c r="C416" s="7">
        <v>22</v>
      </c>
      <c r="D416" s="16" t="s">
        <v>59</v>
      </c>
      <c r="E416" s="17" t="s">
        <v>346</v>
      </c>
      <c r="F416" s="16" t="s">
        <v>222</v>
      </c>
      <c r="G416" s="13" t="s">
        <v>1101</v>
      </c>
      <c r="H416" s="16" t="s">
        <v>348</v>
      </c>
      <c r="I416" s="18"/>
    </row>
    <row r="417" spans="1:9" ht="27.9" customHeight="1">
      <c r="A417" s="7" t="s">
        <v>353</v>
      </c>
      <c r="B417" s="7" t="s">
        <v>252</v>
      </c>
      <c r="C417" s="7">
        <v>23</v>
      </c>
      <c r="D417" s="16" t="s">
        <v>269</v>
      </c>
      <c r="E417" s="17" t="s">
        <v>346</v>
      </c>
      <c r="F417" s="16" t="s">
        <v>223</v>
      </c>
      <c r="G417" s="16" t="s">
        <v>1061</v>
      </c>
      <c r="H417" s="16" t="s">
        <v>348</v>
      </c>
      <c r="I417" s="18"/>
    </row>
    <row r="418" spans="1:9" ht="27.9" customHeight="1">
      <c r="A418" s="7" t="s">
        <v>353</v>
      </c>
      <c r="B418" s="7" t="s">
        <v>252</v>
      </c>
      <c r="C418" s="7">
        <v>24</v>
      </c>
      <c r="D418" s="16" t="s">
        <v>270</v>
      </c>
      <c r="E418" s="17" t="s">
        <v>346</v>
      </c>
      <c r="F418" s="16" t="s">
        <v>224</v>
      </c>
      <c r="G418" s="16" t="s">
        <v>1061</v>
      </c>
      <c r="H418" s="16" t="s">
        <v>348</v>
      </c>
      <c r="I418" s="18"/>
    </row>
    <row r="419" spans="1:9" ht="27.9" customHeight="1">
      <c r="A419" s="7" t="s">
        <v>353</v>
      </c>
      <c r="B419" s="7" t="s">
        <v>252</v>
      </c>
      <c r="C419" s="7">
        <v>25</v>
      </c>
      <c r="D419" s="16" t="s">
        <v>16</v>
      </c>
      <c r="E419" s="17" t="s">
        <v>346</v>
      </c>
      <c r="F419" s="16" t="s">
        <v>225</v>
      </c>
      <c r="G419" s="16" t="s">
        <v>1061</v>
      </c>
      <c r="H419" s="16" t="s">
        <v>348</v>
      </c>
      <c r="I419" s="18"/>
    </row>
    <row r="420" spans="1:9" ht="27.9" customHeight="1">
      <c r="A420" s="7" t="s">
        <v>353</v>
      </c>
      <c r="B420" s="7" t="s">
        <v>252</v>
      </c>
      <c r="C420" s="7">
        <v>26</v>
      </c>
      <c r="D420" s="16" t="s">
        <v>95</v>
      </c>
      <c r="E420" s="17" t="s">
        <v>346</v>
      </c>
      <c r="F420" s="16" t="s">
        <v>226</v>
      </c>
      <c r="G420" s="16" t="s">
        <v>1160</v>
      </c>
      <c r="H420" s="16" t="s">
        <v>348</v>
      </c>
      <c r="I420" s="18"/>
    </row>
    <row r="421" spans="1:9" ht="27.9" customHeight="1">
      <c r="A421" s="7" t="s">
        <v>353</v>
      </c>
      <c r="B421" s="7" t="s">
        <v>252</v>
      </c>
      <c r="C421" s="7">
        <v>27</v>
      </c>
      <c r="D421" s="16" t="s">
        <v>271</v>
      </c>
      <c r="E421" s="17" t="s">
        <v>345</v>
      </c>
      <c r="F421" s="16" t="s">
        <v>227</v>
      </c>
      <c r="G421" s="16" t="s">
        <v>1116</v>
      </c>
      <c r="H421" s="16" t="s">
        <v>348</v>
      </c>
      <c r="I421" s="18"/>
    </row>
    <row r="422" spans="1:9" ht="27.9" customHeight="1">
      <c r="A422" s="7" t="s">
        <v>353</v>
      </c>
      <c r="B422" s="7" t="s">
        <v>252</v>
      </c>
      <c r="C422" s="7">
        <v>28</v>
      </c>
      <c r="D422" s="16" t="s">
        <v>138</v>
      </c>
      <c r="E422" s="17" t="s">
        <v>345</v>
      </c>
      <c r="F422" s="16" t="s">
        <v>228</v>
      </c>
      <c r="G422" s="16" t="s">
        <v>1116</v>
      </c>
      <c r="H422" s="16" t="s">
        <v>348</v>
      </c>
      <c r="I422" s="18"/>
    </row>
    <row r="423" spans="1:9" ht="27.9" customHeight="1">
      <c r="A423" s="7" t="s">
        <v>353</v>
      </c>
      <c r="B423" s="7" t="s">
        <v>252</v>
      </c>
      <c r="C423" s="7">
        <v>29</v>
      </c>
      <c r="D423" s="16" t="s">
        <v>272</v>
      </c>
      <c r="E423" s="17" t="s">
        <v>346</v>
      </c>
      <c r="F423" s="16" t="s">
        <v>229</v>
      </c>
      <c r="G423" s="16" t="s">
        <v>1062</v>
      </c>
      <c r="H423" s="16" t="s">
        <v>348</v>
      </c>
      <c r="I423" s="18"/>
    </row>
    <row r="424" spans="1:9" ht="27.9" customHeight="1">
      <c r="A424" s="7" t="s">
        <v>353</v>
      </c>
      <c r="B424" s="7" t="s">
        <v>252</v>
      </c>
      <c r="C424" s="7">
        <v>30</v>
      </c>
      <c r="D424" s="16" t="s">
        <v>273</v>
      </c>
      <c r="E424" s="17" t="s">
        <v>345</v>
      </c>
      <c r="F424" s="16" t="s">
        <v>230</v>
      </c>
      <c r="G424" s="16" t="s">
        <v>1129</v>
      </c>
      <c r="H424" s="16" t="s">
        <v>348</v>
      </c>
      <c r="I424" s="18"/>
    </row>
    <row r="425" spans="1:9" ht="27.9" customHeight="1">
      <c r="A425" s="7" t="s">
        <v>353</v>
      </c>
      <c r="B425" s="7" t="s">
        <v>252</v>
      </c>
      <c r="C425" s="7">
        <v>31</v>
      </c>
      <c r="D425" s="16" t="s">
        <v>274</v>
      </c>
      <c r="E425" s="17" t="s">
        <v>343</v>
      </c>
      <c r="F425" s="16" t="s">
        <v>231</v>
      </c>
      <c r="G425" s="16" t="s">
        <v>1161</v>
      </c>
      <c r="H425" s="16" t="s">
        <v>348</v>
      </c>
      <c r="I425" s="18"/>
    </row>
    <row r="426" spans="1:9" ht="27.9" customHeight="1">
      <c r="A426" s="7" t="s">
        <v>353</v>
      </c>
      <c r="B426" s="7" t="s">
        <v>252</v>
      </c>
      <c r="C426" s="7">
        <v>32</v>
      </c>
      <c r="D426" s="16" t="s">
        <v>28</v>
      </c>
      <c r="E426" s="17" t="s">
        <v>345</v>
      </c>
      <c r="F426" s="16" t="s">
        <v>232</v>
      </c>
      <c r="G426" s="16" t="s">
        <v>1152</v>
      </c>
      <c r="H426" s="16" t="s">
        <v>348</v>
      </c>
      <c r="I426" s="18"/>
    </row>
    <row r="427" spans="1:9" ht="27.9" customHeight="1">
      <c r="A427" s="7" t="s">
        <v>353</v>
      </c>
      <c r="B427" s="7" t="s">
        <v>252</v>
      </c>
      <c r="C427" s="7">
        <v>33</v>
      </c>
      <c r="D427" s="16" t="s">
        <v>275</v>
      </c>
      <c r="E427" s="17" t="s">
        <v>346</v>
      </c>
      <c r="F427" s="16" t="s">
        <v>233</v>
      </c>
      <c r="G427" s="13" t="s">
        <v>1101</v>
      </c>
      <c r="H427" s="16" t="s">
        <v>348</v>
      </c>
      <c r="I427" s="18"/>
    </row>
    <row r="428" spans="1:9" ht="27.9" customHeight="1">
      <c r="A428" s="7" t="s">
        <v>353</v>
      </c>
      <c r="B428" s="7" t="s">
        <v>252</v>
      </c>
      <c r="C428" s="7">
        <v>1</v>
      </c>
      <c r="D428" s="16" t="s">
        <v>309</v>
      </c>
      <c r="E428" s="17" t="s">
        <v>345</v>
      </c>
      <c r="F428" s="16" t="s">
        <v>236</v>
      </c>
      <c r="G428" s="16" t="s">
        <v>7</v>
      </c>
      <c r="H428" s="16" t="s">
        <v>310</v>
      </c>
      <c r="I428" s="18"/>
    </row>
    <row r="429" spans="1:9" ht="27.9" customHeight="1">
      <c r="A429" s="7" t="s">
        <v>353</v>
      </c>
      <c r="B429" s="7" t="s">
        <v>252</v>
      </c>
      <c r="C429" s="7">
        <v>2</v>
      </c>
      <c r="D429" s="16" t="s">
        <v>311</v>
      </c>
      <c r="E429" s="17" t="s">
        <v>345</v>
      </c>
      <c r="F429" s="16" t="s">
        <v>237</v>
      </c>
      <c r="G429" s="16" t="s">
        <v>1162</v>
      </c>
      <c r="H429" s="16" t="s">
        <v>310</v>
      </c>
      <c r="I429" s="18"/>
    </row>
    <row r="430" spans="1:9" ht="27.9" customHeight="1">
      <c r="A430" s="7" t="s">
        <v>353</v>
      </c>
      <c r="B430" s="7" t="s">
        <v>252</v>
      </c>
      <c r="C430" s="7">
        <v>3</v>
      </c>
      <c r="D430" s="16" t="s">
        <v>10</v>
      </c>
      <c r="E430" s="17" t="s">
        <v>344</v>
      </c>
      <c r="F430" s="16" t="s">
        <v>312</v>
      </c>
      <c r="G430" s="16" t="s">
        <v>8</v>
      </c>
      <c r="H430" s="16" t="s">
        <v>310</v>
      </c>
      <c r="I430" s="18"/>
    </row>
    <row r="431" spans="1:9" ht="27.9" customHeight="1">
      <c r="A431" s="7" t="s">
        <v>353</v>
      </c>
      <c r="B431" s="7" t="s">
        <v>252</v>
      </c>
      <c r="C431" s="7">
        <v>4</v>
      </c>
      <c r="D431" s="16" t="s">
        <v>313</v>
      </c>
      <c r="E431" s="17" t="s">
        <v>345</v>
      </c>
      <c r="F431" s="16" t="s">
        <v>238</v>
      </c>
      <c r="G431" s="16" t="s">
        <v>44</v>
      </c>
      <c r="H431" s="16" t="s">
        <v>310</v>
      </c>
      <c r="I431" s="18"/>
    </row>
    <row r="432" spans="1:9" ht="27.9" customHeight="1">
      <c r="A432" s="7" t="s">
        <v>353</v>
      </c>
      <c r="B432" s="7" t="s">
        <v>252</v>
      </c>
      <c r="C432" s="7">
        <v>5</v>
      </c>
      <c r="D432" s="16" t="s">
        <v>129</v>
      </c>
      <c r="E432" s="17" t="s">
        <v>345</v>
      </c>
      <c r="F432" s="16" t="s">
        <v>239</v>
      </c>
      <c r="G432" s="16" t="s">
        <v>1163</v>
      </c>
      <c r="H432" s="16" t="s">
        <v>310</v>
      </c>
      <c r="I432" s="18"/>
    </row>
    <row r="433" spans="1:9" ht="27.9" customHeight="1">
      <c r="A433" s="7" t="s">
        <v>353</v>
      </c>
      <c r="B433" s="7" t="s">
        <v>252</v>
      </c>
      <c r="C433" s="7">
        <v>6</v>
      </c>
      <c r="D433" s="16" t="s">
        <v>305</v>
      </c>
      <c r="E433" s="17" t="s">
        <v>345</v>
      </c>
      <c r="F433" s="16" t="s">
        <v>314</v>
      </c>
      <c r="G433" s="16" t="s">
        <v>7</v>
      </c>
      <c r="H433" s="16" t="s">
        <v>310</v>
      </c>
      <c r="I433" s="18"/>
    </row>
    <row r="434" spans="1:9" ht="27.9" customHeight="1">
      <c r="A434" s="7" t="s">
        <v>353</v>
      </c>
      <c r="B434" s="7" t="s">
        <v>252</v>
      </c>
      <c r="C434" s="7">
        <v>7</v>
      </c>
      <c r="D434" s="16" t="s">
        <v>315</v>
      </c>
      <c r="E434" s="17" t="s">
        <v>345</v>
      </c>
      <c r="F434" s="16" t="s">
        <v>240</v>
      </c>
      <c r="G434" s="16" t="s">
        <v>1050</v>
      </c>
      <c r="H434" s="16" t="s">
        <v>310</v>
      </c>
      <c r="I434" s="18"/>
    </row>
    <row r="435" spans="1:9" ht="27.9" customHeight="1">
      <c r="A435" s="7" t="s">
        <v>353</v>
      </c>
      <c r="B435" s="7" t="s">
        <v>252</v>
      </c>
      <c r="C435" s="7">
        <v>8</v>
      </c>
      <c r="D435" s="16" t="s">
        <v>316</v>
      </c>
      <c r="E435" s="17" t="s">
        <v>344</v>
      </c>
      <c r="F435" s="16" t="s">
        <v>317</v>
      </c>
      <c r="G435" s="16" t="s">
        <v>8</v>
      </c>
      <c r="H435" s="16" t="s">
        <v>310</v>
      </c>
      <c r="I435" s="18"/>
    </row>
    <row r="436" spans="1:9" ht="27.9" customHeight="1">
      <c r="A436" s="7" t="s">
        <v>353</v>
      </c>
      <c r="B436" s="7" t="s">
        <v>252</v>
      </c>
      <c r="C436" s="7">
        <v>9</v>
      </c>
      <c r="D436" s="16" t="s">
        <v>306</v>
      </c>
      <c r="E436" s="17" t="s">
        <v>345</v>
      </c>
      <c r="F436" s="16" t="s">
        <v>241</v>
      </c>
      <c r="G436" s="16" t="s">
        <v>7</v>
      </c>
      <c r="H436" s="16" t="s">
        <v>310</v>
      </c>
      <c r="I436" s="18"/>
    </row>
    <row r="437" spans="1:9" ht="27.9" customHeight="1">
      <c r="A437" s="7" t="s">
        <v>353</v>
      </c>
      <c r="B437" s="7" t="s">
        <v>252</v>
      </c>
      <c r="C437" s="7">
        <v>10</v>
      </c>
      <c r="D437" s="16" t="s">
        <v>11</v>
      </c>
      <c r="E437" s="17" t="s">
        <v>345</v>
      </c>
      <c r="F437" s="16" t="s">
        <v>242</v>
      </c>
      <c r="G437" s="16" t="s">
        <v>1079</v>
      </c>
      <c r="H437" s="16" t="s">
        <v>310</v>
      </c>
      <c r="I437" s="18"/>
    </row>
    <row r="438" spans="1:9" ht="27.9" customHeight="1">
      <c r="A438" s="7" t="s">
        <v>353</v>
      </c>
      <c r="B438" s="7" t="s">
        <v>252</v>
      </c>
      <c r="C438" s="7">
        <v>11</v>
      </c>
      <c r="D438" s="16" t="s">
        <v>318</v>
      </c>
      <c r="E438" s="17" t="s">
        <v>345</v>
      </c>
      <c r="F438" s="16" t="s">
        <v>243</v>
      </c>
      <c r="G438" s="16" t="s">
        <v>1079</v>
      </c>
      <c r="H438" s="16" t="s">
        <v>310</v>
      </c>
      <c r="I438" s="18"/>
    </row>
    <row r="439" spans="1:9" ht="27.9" customHeight="1">
      <c r="A439" s="7" t="s">
        <v>353</v>
      </c>
      <c r="B439" s="7" t="s">
        <v>252</v>
      </c>
      <c r="C439" s="7">
        <v>12</v>
      </c>
      <c r="D439" s="16" t="s">
        <v>319</v>
      </c>
      <c r="E439" s="17" t="s">
        <v>345</v>
      </c>
      <c r="F439" s="16" t="s">
        <v>244</v>
      </c>
      <c r="G439" s="16" t="s">
        <v>1079</v>
      </c>
      <c r="H439" s="16" t="s">
        <v>310</v>
      </c>
      <c r="I439" s="18"/>
    </row>
    <row r="440" spans="1:9" ht="27.9" customHeight="1">
      <c r="A440" s="7" t="s">
        <v>353</v>
      </c>
      <c r="B440" s="7" t="s">
        <v>252</v>
      </c>
      <c r="C440" s="7">
        <v>13</v>
      </c>
      <c r="D440" s="16" t="s">
        <v>320</v>
      </c>
      <c r="E440" s="17" t="s">
        <v>345</v>
      </c>
      <c r="F440" s="16" t="s">
        <v>245</v>
      </c>
      <c r="G440" s="16" t="s">
        <v>1164</v>
      </c>
      <c r="H440" s="16" t="s">
        <v>310</v>
      </c>
      <c r="I440" s="18"/>
    </row>
    <row r="441" spans="1:9" ht="27.9" customHeight="1">
      <c r="A441" s="7" t="s">
        <v>353</v>
      </c>
      <c r="B441" s="7" t="s">
        <v>252</v>
      </c>
      <c r="C441" s="7">
        <v>14</v>
      </c>
      <c r="D441" s="16" t="s">
        <v>37</v>
      </c>
      <c r="E441" s="17" t="s">
        <v>345</v>
      </c>
      <c r="F441" s="16" t="s">
        <v>246</v>
      </c>
      <c r="G441" s="16" t="s">
        <v>1050</v>
      </c>
      <c r="H441" s="16" t="s">
        <v>310</v>
      </c>
      <c r="I441" s="18"/>
    </row>
    <row r="442" spans="1:9" ht="27.9" customHeight="1">
      <c r="A442" s="7" t="s">
        <v>353</v>
      </c>
      <c r="B442" s="7" t="s">
        <v>252</v>
      </c>
      <c r="C442" s="7">
        <v>15</v>
      </c>
      <c r="D442" s="16" t="s">
        <v>307</v>
      </c>
      <c r="E442" s="17" t="s">
        <v>345</v>
      </c>
      <c r="F442" s="16" t="s">
        <v>247</v>
      </c>
      <c r="G442" s="16" t="s">
        <v>44</v>
      </c>
      <c r="H442" s="16" t="s">
        <v>310</v>
      </c>
      <c r="I442" s="18"/>
    </row>
    <row r="443" spans="1:9" ht="27.9" customHeight="1">
      <c r="A443" s="7" t="s">
        <v>353</v>
      </c>
      <c r="B443" s="7" t="s">
        <v>252</v>
      </c>
      <c r="C443" s="7">
        <v>16</v>
      </c>
      <c r="D443" s="16" t="s">
        <v>35</v>
      </c>
      <c r="E443" s="17" t="s">
        <v>345</v>
      </c>
      <c r="F443" s="16" t="s">
        <v>248</v>
      </c>
      <c r="G443" s="16" t="s">
        <v>1164</v>
      </c>
      <c r="H443" s="16" t="s">
        <v>310</v>
      </c>
      <c r="I443" s="18"/>
    </row>
    <row r="444" spans="1:9" ht="27.9" customHeight="1">
      <c r="A444" s="7" t="s">
        <v>353</v>
      </c>
      <c r="B444" s="7" t="s">
        <v>252</v>
      </c>
      <c r="C444" s="7">
        <v>17</v>
      </c>
      <c r="D444" s="16" t="s">
        <v>321</v>
      </c>
      <c r="E444" s="17" t="s">
        <v>345</v>
      </c>
      <c r="F444" s="16" t="s">
        <v>249</v>
      </c>
      <c r="G444" s="16" t="s">
        <v>1079</v>
      </c>
      <c r="H444" s="16" t="s">
        <v>310</v>
      </c>
      <c r="I444" s="18"/>
    </row>
    <row r="445" spans="1:9" ht="27.9" customHeight="1">
      <c r="A445" s="7" t="s">
        <v>353</v>
      </c>
      <c r="B445" s="7" t="s">
        <v>252</v>
      </c>
      <c r="C445" s="7">
        <v>18</v>
      </c>
      <c r="D445" s="16" t="s">
        <v>322</v>
      </c>
      <c r="E445" s="17" t="s">
        <v>345</v>
      </c>
      <c r="F445" s="16" t="s">
        <v>250</v>
      </c>
      <c r="G445" s="16" t="s">
        <v>1079</v>
      </c>
      <c r="H445" s="16" t="s">
        <v>310</v>
      </c>
      <c r="I445" s="18"/>
    </row>
    <row r="446" spans="1:9" ht="27.9" customHeight="1">
      <c r="A446" s="7" t="s">
        <v>353</v>
      </c>
      <c r="B446" s="7" t="s">
        <v>252</v>
      </c>
      <c r="C446" s="7">
        <v>19</v>
      </c>
      <c r="D446" s="16" t="s">
        <v>13</v>
      </c>
      <c r="E446" s="17" t="s">
        <v>345</v>
      </c>
      <c r="F446" s="16" t="s">
        <v>251</v>
      </c>
      <c r="G446" s="16" t="s">
        <v>44</v>
      </c>
      <c r="H446" s="16" t="s">
        <v>310</v>
      </c>
      <c r="I446" s="18"/>
    </row>
    <row r="447" spans="1:9" ht="27.9" customHeight="1">
      <c r="A447" s="7" t="s">
        <v>353</v>
      </c>
      <c r="B447" s="7" t="s">
        <v>252</v>
      </c>
      <c r="C447" s="7">
        <v>20</v>
      </c>
      <c r="D447" s="16" t="s">
        <v>323</v>
      </c>
      <c r="E447" s="17" t="s">
        <v>345</v>
      </c>
      <c r="F447" s="16" t="s">
        <v>234</v>
      </c>
      <c r="G447" s="16" t="s">
        <v>1082</v>
      </c>
      <c r="H447" s="16" t="s">
        <v>310</v>
      </c>
      <c r="I447" s="18"/>
    </row>
    <row r="448" spans="1:9" ht="27.9" customHeight="1">
      <c r="A448" s="7" t="s">
        <v>353</v>
      </c>
      <c r="B448" s="7" t="s">
        <v>252</v>
      </c>
      <c r="C448" s="7">
        <v>21</v>
      </c>
      <c r="D448" s="16" t="s">
        <v>324</v>
      </c>
      <c r="E448" s="17" t="s">
        <v>345</v>
      </c>
      <c r="F448" s="16" t="s">
        <v>235</v>
      </c>
      <c r="G448" s="16" t="s">
        <v>1050</v>
      </c>
      <c r="H448" s="16" t="s">
        <v>310</v>
      </c>
      <c r="I448" s="18"/>
    </row>
    <row r="449" spans="1:9" ht="27.9" customHeight="1">
      <c r="A449" s="7" t="s">
        <v>353</v>
      </c>
      <c r="B449" s="7" t="s">
        <v>276</v>
      </c>
      <c r="C449" s="7">
        <v>1</v>
      </c>
      <c r="D449" s="16" t="s">
        <v>277</v>
      </c>
      <c r="E449" s="17" t="s">
        <v>345</v>
      </c>
      <c r="F449" s="16" t="s">
        <v>146</v>
      </c>
      <c r="G449" s="24" t="s">
        <v>1050</v>
      </c>
      <c r="H449" s="16" t="s">
        <v>348</v>
      </c>
      <c r="I449" s="18"/>
    </row>
    <row r="450" spans="1:9" ht="27.9" customHeight="1">
      <c r="A450" s="7" t="s">
        <v>353</v>
      </c>
      <c r="B450" s="7" t="s">
        <v>276</v>
      </c>
      <c r="C450" s="7">
        <v>2</v>
      </c>
      <c r="D450" s="16" t="s">
        <v>145</v>
      </c>
      <c r="E450" s="17" t="s">
        <v>345</v>
      </c>
      <c r="F450" s="16" t="s">
        <v>147</v>
      </c>
      <c r="G450" s="16" t="s">
        <v>1067</v>
      </c>
      <c r="H450" s="16" t="s">
        <v>348</v>
      </c>
      <c r="I450" s="18"/>
    </row>
    <row r="451" spans="1:9" ht="27.9" customHeight="1">
      <c r="A451" s="7" t="s">
        <v>353</v>
      </c>
      <c r="B451" s="7" t="s">
        <v>276</v>
      </c>
      <c r="C451" s="7">
        <v>3</v>
      </c>
      <c r="D451" s="16" t="s">
        <v>278</v>
      </c>
      <c r="E451" s="17" t="s">
        <v>345</v>
      </c>
      <c r="F451" s="16" t="s">
        <v>148</v>
      </c>
      <c r="G451" s="16" t="s">
        <v>1165</v>
      </c>
      <c r="H451" s="16" t="s">
        <v>348</v>
      </c>
      <c r="I451" s="18"/>
    </row>
    <row r="452" spans="1:9" ht="27.9" customHeight="1">
      <c r="A452" s="7" t="s">
        <v>353</v>
      </c>
      <c r="B452" s="7" t="s">
        <v>276</v>
      </c>
      <c r="C452" s="7">
        <v>4</v>
      </c>
      <c r="D452" s="16" t="s">
        <v>279</v>
      </c>
      <c r="E452" s="17" t="s">
        <v>345</v>
      </c>
      <c r="F452" s="16" t="s">
        <v>149</v>
      </c>
      <c r="G452" s="24" t="s">
        <v>1082</v>
      </c>
      <c r="H452" s="16" t="s">
        <v>348</v>
      </c>
      <c r="I452" s="18"/>
    </row>
    <row r="453" spans="1:9" ht="27.9" customHeight="1">
      <c r="A453" s="7" t="s">
        <v>353</v>
      </c>
      <c r="B453" s="7" t="s">
        <v>276</v>
      </c>
      <c r="C453" s="7">
        <v>5</v>
      </c>
      <c r="D453" s="16" t="s">
        <v>92</v>
      </c>
      <c r="E453" s="17" t="s">
        <v>345</v>
      </c>
      <c r="F453" s="16" t="s">
        <v>150</v>
      </c>
      <c r="G453" s="16" t="s">
        <v>1080</v>
      </c>
      <c r="H453" s="16" t="s">
        <v>348</v>
      </c>
      <c r="I453" s="18"/>
    </row>
    <row r="454" spans="1:9" ht="27.9" customHeight="1">
      <c r="A454" s="7" t="s">
        <v>353</v>
      </c>
      <c r="B454" s="7" t="s">
        <v>276</v>
      </c>
      <c r="C454" s="7">
        <v>6</v>
      </c>
      <c r="D454" s="16" t="s">
        <v>280</v>
      </c>
      <c r="E454" s="17" t="s">
        <v>345</v>
      </c>
      <c r="F454" s="16" t="s">
        <v>151</v>
      </c>
      <c r="G454" s="16" t="s">
        <v>1166</v>
      </c>
      <c r="H454" s="16" t="s">
        <v>348</v>
      </c>
      <c r="I454" s="18"/>
    </row>
    <row r="455" spans="1:9" ht="27.9" customHeight="1">
      <c r="A455" s="7" t="s">
        <v>353</v>
      </c>
      <c r="B455" s="7" t="s">
        <v>276</v>
      </c>
      <c r="C455" s="7">
        <v>7</v>
      </c>
      <c r="D455" s="16" t="s">
        <v>281</v>
      </c>
      <c r="E455" s="17" t="s">
        <v>345</v>
      </c>
      <c r="F455" s="16" t="s">
        <v>152</v>
      </c>
      <c r="G455" s="16" t="s">
        <v>15</v>
      </c>
      <c r="H455" s="16" t="s">
        <v>348</v>
      </c>
      <c r="I455" s="18"/>
    </row>
    <row r="456" spans="1:9" ht="27.9" customHeight="1">
      <c r="A456" s="7" t="s">
        <v>353</v>
      </c>
      <c r="B456" s="7" t="s">
        <v>276</v>
      </c>
      <c r="C456" s="7">
        <v>8</v>
      </c>
      <c r="D456" s="16" t="s">
        <v>282</v>
      </c>
      <c r="E456" s="17" t="s">
        <v>345</v>
      </c>
      <c r="F456" s="16" t="s">
        <v>153</v>
      </c>
      <c r="G456" s="16" t="s">
        <v>1167</v>
      </c>
      <c r="H456" s="16" t="s">
        <v>348</v>
      </c>
      <c r="I456" s="18"/>
    </row>
    <row r="457" spans="1:9" ht="27.9" customHeight="1">
      <c r="A457" s="7" t="s">
        <v>353</v>
      </c>
      <c r="B457" s="7" t="s">
        <v>276</v>
      </c>
      <c r="C457" s="7">
        <v>9</v>
      </c>
      <c r="D457" s="16" t="s">
        <v>283</v>
      </c>
      <c r="E457" s="17" t="s">
        <v>343</v>
      </c>
      <c r="F457" s="16" t="s">
        <v>154</v>
      </c>
      <c r="G457" s="16" t="s">
        <v>1168</v>
      </c>
      <c r="H457" s="16" t="s">
        <v>348</v>
      </c>
      <c r="I457" s="18"/>
    </row>
    <row r="458" spans="1:9" ht="27.9" customHeight="1">
      <c r="A458" s="7" t="s">
        <v>353</v>
      </c>
      <c r="B458" s="7" t="s">
        <v>276</v>
      </c>
      <c r="C458" s="7">
        <v>10</v>
      </c>
      <c r="D458" s="16" t="s">
        <v>284</v>
      </c>
      <c r="E458" s="17" t="s">
        <v>343</v>
      </c>
      <c r="F458" s="16" t="s">
        <v>155</v>
      </c>
      <c r="G458" s="16" t="s">
        <v>1169</v>
      </c>
      <c r="H458" s="16" t="s">
        <v>348</v>
      </c>
      <c r="I458" s="18"/>
    </row>
    <row r="459" spans="1:9" ht="27.9" customHeight="1">
      <c r="A459" s="7" t="s">
        <v>353</v>
      </c>
      <c r="B459" s="7" t="s">
        <v>276</v>
      </c>
      <c r="C459" s="7">
        <v>11</v>
      </c>
      <c r="D459" s="16" t="s">
        <v>285</v>
      </c>
      <c r="E459" s="17" t="s">
        <v>345</v>
      </c>
      <c r="F459" s="16" t="s">
        <v>156</v>
      </c>
      <c r="G459" s="16" t="s">
        <v>1170</v>
      </c>
      <c r="H459" s="16" t="s">
        <v>348</v>
      </c>
      <c r="I459" s="18"/>
    </row>
    <row r="460" spans="1:9" ht="27.9" customHeight="1">
      <c r="A460" s="7" t="s">
        <v>353</v>
      </c>
      <c r="B460" s="7" t="s">
        <v>276</v>
      </c>
      <c r="C460" s="7">
        <v>12</v>
      </c>
      <c r="D460" s="16" t="s">
        <v>286</v>
      </c>
      <c r="E460" s="17" t="s">
        <v>345</v>
      </c>
      <c r="F460" s="16" t="s">
        <v>157</v>
      </c>
      <c r="G460" s="16" t="s">
        <v>1171</v>
      </c>
      <c r="H460" s="16" t="s">
        <v>348</v>
      </c>
      <c r="I460" s="18"/>
    </row>
    <row r="461" spans="1:9" ht="27.9" customHeight="1">
      <c r="A461" s="7" t="s">
        <v>353</v>
      </c>
      <c r="B461" s="7" t="s">
        <v>276</v>
      </c>
      <c r="C461" s="7">
        <v>13</v>
      </c>
      <c r="D461" s="16" t="s">
        <v>266</v>
      </c>
      <c r="E461" s="17" t="s">
        <v>346</v>
      </c>
      <c r="F461" s="16" t="s">
        <v>158</v>
      </c>
      <c r="G461" s="16" t="s">
        <v>1172</v>
      </c>
      <c r="H461" s="16" t="s">
        <v>348</v>
      </c>
      <c r="I461" s="18"/>
    </row>
    <row r="462" spans="1:9" ht="27.9" customHeight="1">
      <c r="A462" s="7" t="s">
        <v>353</v>
      </c>
      <c r="B462" s="7" t="s">
        <v>276</v>
      </c>
      <c r="C462" s="7">
        <v>14</v>
      </c>
      <c r="D462" s="16" t="s">
        <v>287</v>
      </c>
      <c r="E462" s="17" t="s">
        <v>345</v>
      </c>
      <c r="F462" s="16" t="s">
        <v>159</v>
      </c>
      <c r="G462" s="16" t="s">
        <v>1173</v>
      </c>
      <c r="H462" s="16" t="s">
        <v>348</v>
      </c>
      <c r="I462" s="18"/>
    </row>
    <row r="463" spans="1:9" ht="27.9" customHeight="1">
      <c r="A463" s="7" t="s">
        <v>353</v>
      </c>
      <c r="B463" s="7" t="s">
        <v>276</v>
      </c>
      <c r="C463" s="7">
        <v>15</v>
      </c>
      <c r="D463" s="16" t="s">
        <v>288</v>
      </c>
      <c r="E463" s="17" t="s">
        <v>345</v>
      </c>
      <c r="F463" s="16" t="s">
        <v>160</v>
      </c>
      <c r="G463" s="16" t="s">
        <v>1165</v>
      </c>
      <c r="H463" s="16" t="s">
        <v>348</v>
      </c>
      <c r="I463" s="18"/>
    </row>
    <row r="464" spans="1:9" ht="27.9" customHeight="1">
      <c r="A464" s="7" t="s">
        <v>353</v>
      </c>
      <c r="B464" s="7" t="s">
        <v>276</v>
      </c>
      <c r="C464" s="7">
        <v>16</v>
      </c>
      <c r="D464" s="16" t="s">
        <v>37</v>
      </c>
      <c r="E464" s="17" t="s">
        <v>346</v>
      </c>
      <c r="F464" s="16" t="s">
        <v>161</v>
      </c>
      <c r="G464" s="16" t="s">
        <v>1174</v>
      </c>
      <c r="H464" s="16" t="s">
        <v>348</v>
      </c>
      <c r="I464" s="18"/>
    </row>
    <row r="465" spans="1:9" ht="27.9" customHeight="1">
      <c r="A465" s="7" t="s">
        <v>353</v>
      </c>
      <c r="B465" s="7" t="s">
        <v>276</v>
      </c>
      <c r="C465" s="7">
        <v>17</v>
      </c>
      <c r="D465" s="16" t="s">
        <v>289</v>
      </c>
      <c r="E465" s="17" t="s">
        <v>346</v>
      </c>
      <c r="F465" s="16" t="s">
        <v>162</v>
      </c>
      <c r="G465" s="16" t="s">
        <v>1175</v>
      </c>
      <c r="H465" s="16" t="s">
        <v>348</v>
      </c>
      <c r="I465" s="18"/>
    </row>
    <row r="466" spans="1:9" ht="27.9" customHeight="1">
      <c r="A466" s="7" t="s">
        <v>353</v>
      </c>
      <c r="B466" s="7" t="s">
        <v>276</v>
      </c>
      <c r="C466" s="7">
        <v>18</v>
      </c>
      <c r="D466" s="16" t="s">
        <v>290</v>
      </c>
      <c r="E466" s="17" t="s">
        <v>346</v>
      </c>
      <c r="F466" s="16" t="s">
        <v>163</v>
      </c>
      <c r="G466" s="13" t="s">
        <v>1101</v>
      </c>
      <c r="H466" s="16" t="s">
        <v>348</v>
      </c>
      <c r="I466" s="18"/>
    </row>
    <row r="467" spans="1:9" ht="27.9" customHeight="1">
      <c r="A467" s="7" t="s">
        <v>353</v>
      </c>
      <c r="B467" s="7" t="s">
        <v>276</v>
      </c>
      <c r="C467" s="7">
        <v>19</v>
      </c>
      <c r="D467" s="16" t="s">
        <v>291</v>
      </c>
      <c r="E467" s="17" t="s">
        <v>345</v>
      </c>
      <c r="F467" s="16" t="s">
        <v>164</v>
      </c>
      <c r="G467" s="16" t="s">
        <v>1176</v>
      </c>
      <c r="H467" s="16" t="s">
        <v>348</v>
      </c>
      <c r="I467" s="18"/>
    </row>
    <row r="468" spans="1:9" ht="27.9" customHeight="1">
      <c r="A468" s="7" t="s">
        <v>353</v>
      </c>
      <c r="B468" s="7" t="s">
        <v>276</v>
      </c>
      <c r="C468" s="7">
        <v>20</v>
      </c>
      <c r="D468" s="16" t="s">
        <v>90</v>
      </c>
      <c r="E468" s="17" t="s">
        <v>345</v>
      </c>
      <c r="F468" s="16" t="s">
        <v>165</v>
      </c>
      <c r="G468" s="16" t="s">
        <v>2</v>
      </c>
      <c r="H468" s="16" t="s">
        <v>348</v>
      </c>
      <c r="I468" s="18"/>
    </row>
    <row r="469" spans="1:9" ht="27.9" customHeight="1">
      <c r="A469" s="7" t="s">
        <v>353</v>
      </c>
      <c r="B469" s="7" t="s">
        <v>276</v>
      </c>
      <c r="C469" s="7">
        <v>21</v>
      </c>
      <c r="D469" s="16" t="s">
        <v>59</v>
      </c>
      <c r="E469" s="17" t="s">
        <v>346</v>
      </c>
      <c r="F469" s="16" t="s">
        <v>166</v>
      </c>
      <c r="G469" s="13" t="s">
        <v>1101</v>
      </c>
      <c r="H469" s="16" t="s">
        <v>348</v>
      </c>
      <c r="I469" s="18"/>
    </row>
    <row r="470" spans="1:9" ht="27.9" customHeight="1">
      <c r="A470" s="7" t="s">
        <v>353</v>
      </c>
      <c r="B470" s="7" t="s">
        <v>276</v>
      </c>
      <c r="C470" s="7">
        <v>22</v>
      </c>
      <c r="D470" s="16" t="s">
        <v>53</v>
      </c>
      <c r="E470" s="17" t="s">
        <v>345</v>
      </c>
      <c r="F470" s="16" t="s">
        <v>167</v>
      </c>
      <c r="G470" s="16" t="s">
        <v>2</v>
      </c>
      <c r="H470" s="16" t="s">
        <v>348</v>
      </c>
      <c r="I470" s="18"/>
    </row>
    <row r="471" spans="1:9" ht="27.9" customHeight="1">
      <c r="A471" s="7" t="s">
        <v>353</v>
      </c>
      <c r="B471" s="7" t="s">
        <v>276</v>
      </c>
      <c r="C471" s="7">
        <v>23</v>
      </c>
      <c r="D471" s="16" t="s">
        <v>12</v>
      </c>
      <c r="E471" s="17" t="s">
        <v>346</v>
      </c>
      <c r="F471" s="16" t="s">
        <v>168</v>
      </c>
      <c r="G471" s="16" t="s">
        <v>1177</v>
      </c>
      <c r="H471" s="16" t="s">
        <v>348</v>
      </c>
      <c r="I471" s="18"/>
    </row>
    <row r="472" spans="1:9" ht="27.9" customHeight="1">
      <c r="A472" s="7" t="s">
        <v>353</v>
      </c>
      <c r="B472" s="7" t="s">
        <v>276</v>
      </c>
      <c r="C472" s="7">
        <v>24</v>
      </c>
      <c r="D472" s="16" t="s">
        <v>292</v>
      </c>
      <c r="E472" s="17" t="s">
        <v>346</v>
      </c>
      <c r="F472" s="16" t="s">
        <v>169</v>
      </c>
      <c r="G472" s="13" t="s">
        <v>1101</v>
      </c>
      <c r="H472" s="16" t="s">
        <v>348</v>
      </c>
      <c r="I472" s="18"/>
    </row>
    <row r="473" spans="1:9" ht="27.9" customHeight="1">
      <c r="A473" s="7" t="s">
        <v>353</v>
      </c>
      <c r="B473" s="7" t="s">
        <v>276</v>
      </c>
      <c r="C473" s="7">
        <v>25</v>
      </c>
      <c r="D473" s="16" t="s">
        <v>293</v>
      </c>
      <c r="E473" s="17" t="s">
        <v>346</v>
      </c>
      <c r="F473" s="16" t="s">
        <v>170</v>
      </c>
      <c r="G473" s="16" t="s">
        <v>1178</v>
      </c>
      <c r="H473" s="16" t="s">
        <v>348</v>
      </c>
      <c r="I473" s="18"/>
    </row>
    <row r="474" spans="1:9" ht="27.9" customHeight="1">
      <c r="A474" s="7" t="s">
        <v>353</v>
      </c>
      <c r="B474" s="7" t="s">
        <v>276</v>
      </c>
      <c r="C474" s="7">
        <v>26</v>
      </c>
      <c r="D474" s="16" t="s">
        <v>294</v>
      </c>
      <c r="E474" s="17" t="s">
        <v>346</v>
      </c>
      <c r="F474" s="16" t="s">
        <v>171</v>
      </c>
      <c r="G474" s="16" t="s">
        <v>1179</v>
      </c>
      <c r="H474" s="16" t="s">
        <v>348</v>
      </c>
      <c r="I474" s="18"/>
    </row>
    <row r="475" spans="1:9" ht="27.9" customHeight="1">
      <c r="A475" s="7" t="s">
        <v>353</v>
      </c>
      <c r="B475" s="7" t="s">
        <v>276</v>
      </c>
      <c r="C475" s="7">
        <v>27</v>
      </c>
      <c r="D475" s="16" t="s">
        <v>295</v>
      </c>
      <c r="E475" s="17" t="s">
        <v>345</v>
      </c>
      <c r="F475" s="16" t="s">
        <v>172</v>
      </c>
      <c r="G475" s="16" t="s">
        <v>1171</v>
      </c>
      <c r="H475" s="16" t="s">
        <v>348</v>
      </c>
      <c r="I475" s="18"/>
    </row>
    <row r="476" spans="1:9" ht="27.9" customHeight="1">
      <c r="A476" s="7" t="s">
        <v>353</v>
      </c>
      <c r="B476" s="7" t="s">
        <v>276</v>
      </c>
      <c r="C476" s="7">
        <v>28</v>
      </c>
      <c r="D476" s="16" t="s">
        <v>296</v>
      </c>
      <c r="E476" s="17" t="s">
        <v>346</v>
      </c>
      <c r="F476" s="16" t="s">
        <v>173</v>
      </c>
      <c r="G476" s="16" t="s">
        <v>1180</v>
      </c>
      <c r="H476" s="16" t="s">
        <v>348</v>
      </c>
      <c r="I476" s="18"/>
    </row>
    <row r="477" spans="1:9" ht="27.9" customHeight="1">
      <c r="A477" s="7" t="s">
        <v>353</v>
      </c>
      <c r="B477" s="7" t="s">
        <v>276</v>
      </c>
      <c r="C477" s="7">
        <v>29</v>
      </c>
      <c r="D477" s="16" t="s">
        <v>297</v>
      </c>
      <c r="E477" s="17" t="s">
        <v>346</v>
      </c>
      <c r="F477" s="16" t="s">
        <v>174</v>
      </c>
      <c r="G477" s="16" t="s">
        <v>1177</v>
      </c>
      <c r="H477" s="16" t="s">
        <v>348</v>
      </c>
      <c r="I477" s="18"/>
    </row>
    <row r="478" spans="1:9" ht="27.9" customHeight="1">
      <c r="A478" s="7" t="s">
        <v>353</v>
      </c>
      <c r="B478" s="7" t="s">
        <v>276</v>
      </c>
      <c r="C478" s="7">
        <v>30</v>
      </c>
      <c r="D478" s="16" t="s">
        <v>298</v>
      </c>
      <c r="E478" s="17" t="s">
        <v>346</v>
      </c>
      <c r="F478" s="16" t="s">
        <v>175</v>
      </c>
      <c r="G478" s="16" t="s">
        <v>1177</v>
      </c>
      <c r="H478" s="16" t="s">
        <v>348</v>
      </c>
      <c r="I478" s="18"/>
    </row>
    <row r="479" spans="1:9" ht="27.9" customHeight="1">
      <c r="A479" s="7" t="s">
        <v>353</v>
      </c>
      <c r="B479" s="7" t="s">
        <v>276</v>
      </c>
      <c r="C479" s="7">
        <v>31</v>
      </c>
      <c r="D479" s="16" t="s">
        <v>299</v>
      </c>
      <c r="E479" s="17" t="s">
        <v>343</v>
      </c>
      <c r="F479" s="16" t="s">
        <v>176</v>
      </c>
      <c r="G479" s="16" t="s">
        <v>1181</v>
      </c>
      <c r="H479" s="16" t="s">
        <v>348</v>
      </c>
      <c r="I479" s="18"/>
    </row>
    <row r="480" spans="1:9" ht="27.9" customHeight="1">
      <c r="A480" s="7" t="s">
        <v>353</v>
      </c>
      <c r="B480" s="7" t="s">
        <v>276</v>
      </c>
      <c r="C480" s="7">
        <v>32</v>
      </c>
      <c r="D480" s="16" t="s">
        <v>28</v>
      </c>
      <c r="E480" s="17" t="s">
        <v>345</v>
      </c>
      <c r="F480" s="16" t="s">
        <v>177</v>
      </c>
      <c r="G480" s="16" t="s">
        <v>1182</v>
      </c>
      <c r="H480" s="16" t="s">
        <v>348</v>
      </c>
      <c r="I480" s="18"/>
    </row>
    <row r="481" spans="1:9" ht="27.9" customHeight="1">
      <c r="A481" s="7" t="s">
        <v>353</v>
      </c>
      <c r="B481" s="7" t="s">
        <v>276</v>
      </c>
      <c r="C481" s="7">
        <v>33</v>
      </c>
      <c r="D481" s="16" t="s">
        <v>270</v>
      </c>
      <c r="E481" s="17" t="s">
        <v>346</v>
      </c>
      <c r="F481" s="16" t="s">
        <v>178</v>
      </c>
      <c r="G481" s="16" t="s">
        <v>1175</v>
      </c>
      <c r="H481" s="16" t="s">
        <v>348</v>
      </c>
      <c r="I481" s="18"/>
    </row>
    <row r="482" spans="1:9" ht="27.9" customHeight="1">
      <c r="A482" s="7" t="s">
        <v>353</v>
      </c>
      <c r="B482" s="7" t="s">
        <v>276</v>
      </c>
      <c r="C482" s="7">
        <v>1</v>
      </c>
      <c r="D482" s="16" t="s">
        <v>302</v>
      </c>
      <c r="E482" s="17" t="s">
        <v>345</v>
      </c>
      <c r="F482" s="16" t="s">
        <v>179</v>
      </c>
      <c r="G482" s="16" t="s">
        <v>1165</v>
      </c>
      <c r="H482" s="16" t="s">
        <v>310</v>
      </c>
      <c r="I482" s="18"/>
    </row>
    <row r="483" spans="1:9" ht="27.9" customHeight="1">
      <c r="A483" s="7" t="s">
        <v>353</v>
      </c>
      <c r="B483" s="7" t="s">
        <v>276</v>
      </c>
      <c r="C483" s="7">
        <v>2</v>
      </c>
      <c r="D483" s="16" t="s">
        <v>91</v>
      </c>
      <c r="E483" s="17" t="s">
        <v>344</v>
      </c>
      <c r="F483" s="16" t="s">
        <v>180</v>
      </c>
      <c r="G483" s="16" t="s">
        <v>1181</v>
      </c>
      <c r="H483" s="16" t="s">
        <v>310</v>
      </c>
      <c r="I483" s="18"/>
    </row>
    <row r="484" spans="1:9" ht="27.9" customHeight="1">
      <c r="A484" s="7" t="s">
        <v>353</v>
      </c>
      <c r="B484" s="7" t="s">
        <v>276</v>
      </c>
      <c r="C484" s="7">
        <v>3</v>
      </c>
      <c r="D484" s="16" t="s">
        <v>304</v>
      </c>
      <c r="E484" s="17" t="s">
        <v>345</v>
      </c>
      <c r="F484" s="16" t="s">
        <v>181</v>
      </c>
      <c r="G484" s="16" t="s">
        <v>15</v>
      </c>
      <c r="H484" s="16" t="s">
        <v>310</v>
      </c>
      <c r="I484" s="18"/>
    </row>
    <row r="485" spans="1:9" ht="27.9" customHeight="1">
      <c r="A485" s="7" t="s">
        <v>353</v>
      </c>
      <c r="B485" s="7" t="s">
        <v>276</v>
      </c>
      <c r="C485" s="7">
        <v>4</v>
      </c>
      <c r="D485" s="16" t="s">
        <v>325</v>
      </c>
      <c r="E485" s="17" t="s">
        <v>345</v>
      </c>
      <c r="F485" s="16" t="s">
        <v>182</v>
      </c>
      <c r="G485" s="16" t="s">
        <v>1080</v>
      </c>
      <c r="H485" s="16" t="s">
        <v>310</v>
      </c>
      <c r="I485" s="18"/>
    </row>
    <row r="486" spans="1:9" ht="27.9" customHeight="1">
      <c r="A486" s="7" t="s">
        <v>353</v>
      </c>
      <c r="B486" s="7" t="s">
        <v>276</v>
      </c>
      <c r="C486" s="7">
        <v>5</v>
      </c>
      <c r="D486" s="16" t="s">
        <v>326</v>
      </c>
      <c r="E486" s="17" t="s">
        <v>345</v>
      </c>
      <c r="F486" s="16" t="s">
        <v>183</v>
      </c>
      <c r="G486" s="16" t="s">
        <v>1176</v>
      </c>
      <c r="H486" s="16" t="s">
        <v>310</v>
      </c>
      <c r="I486" s="18"/>
    </row>
    <row r="487" spans="1:9" ht="27.9" customHeight="1">
      <c r="A487" s="7" t="s">
        <v>353</v>
      </c>
      <c r="B487" s="7" t="s">
        <v>276</v>
      </c>
      <c r="C487" s="7">
        <v>6</v>
      </c>
      <c r="D487" s="16" t="s">
        <v>129</v>
      </c>
      <c r="E487" s="17" t="s">
        <v>345</v>
      </c>
      <c r="F487" s="16" t="s">
        <v>184</v>
      </c>
      <c r="G487" s="16" t="s">
        <v>15</v>
      </c>
      <c r="H487" s="16" t="s">
        <v>310</v>
      </c>
      <c r="I487" s="18"/>
    </row>
    <row r="488" spans="1:9" ht="27.9" customHeight="1">
      <c r="A488" s="7" t="s">
        <v>353</v>
      </c>
      <c r="B488" s="7" t="s">
        <v>276</v>
      </c>
      <c r="C488" s="7">
        <v>7</v>
      </c>
      <c r="D488" s="16" t="s">
        <v>327</v>
      </c>
      <c r="E488" s="17" t="s">
        <v>345</v>
      </c>
      <c r="F488" s="16" t="s">
        <v>185</v>
      </c>
      <c r="G488" s="16" t="s">
        <v>1080</v>
      </c>
      <c r="H488" s="16" t="s">
        <v>310</v>
      </c>
      <c r="I488" s="18"/>
    </row>
    <row r="489" spans="1:9" ht="27.9" customHeight="1">
      <c r="A489" s="7" t="s">
        <v>353</v>
      </c>
      <c r="B489" s="7" t="s">
        <v>276</v>
      </c>
      <c r="C489" s="7">
        <v>8</v>
      </c>
      <c r="D489" s="16" t="s">
        <v>9</v>
      </c>
      <c r="E489" s="17" t="s">
        <v>343</v>
      </c>
      <c r="F489" s="16" t="s">
        <v>186</v>
      </c>
      <c r="G489" s="16" t="s">
        <v>1181</v>
      </c>
      <c r="H489" s="16" t="s">
        <v>310</v>
      </c>
      <c r="I489" s="18"/>
    </row>
    <row r="490" spans="1:9" ht="27.9" customHeight="1">
      <c r="A490" s="7" t="s">
        <v>353</v>
      </c>
      <c r="B490" s="7" t="s">
        <v>276</v>
      </c>
      <c r="C490" s="7">
        <v>9</v>
      </c>
      <c r="D490" s="16" t="s">
        <v>52</v>
      </c>
      <c r="E490" s="17" t="s">
        <v>345</v>
      </c>
      <c r="F490" s="16" t="s">
        <v>187</v>
      </c>
      <c r="G490" s="16" t="s">
        <v>1171</v>
      </c>
      <c r="H490" s="16" t="s">
        <v>310</v>
      </c>
      <c r="I490" s="18"/>
    </row>
    <row r="491" spans="1:9" ht="27.9" customHeight="1">
      <c r="A491" s="7" t="s">
        <v>353</v>
      </c>
      <c r="B491" s="7" t="s">
        <v>276</v>
      </c>
      <c r="C491" s="7">
        <v>10</v>
      </c>
      <c r="D491" s="16" t="s">
        <v>328</v>
      </c>
      <c r="E491" s="17" t="s">
        <v>345</v>
      </c>
      <c r="F491" s="16" t="s">
        <v>188</v>
      </c>
      <c r="G491" s="16" t="s">
        <v>1176</v>
      </c>
      <c r="H491" s="16" t="s">
        <v>310</v>
      </c>
      <c r="I491" s="18"/>
    </row>
    <row r="492" spans="1:9" ht="27.9" customHeight="1">
      <c r="A492" s="7" t="s">
        <v>353</v>
      </c>
      <c r="B492" s="7" t="s">
        <v>276</v>
      </c>
      <c r="C492" s="7">
        <v>11</v>
      </c>
      <c r="D492" s="16" t="s">
        <v>329</v>
      </c>
      <c r="E492" s="17" t="s">
        <v>344</v>
      </c>
      <c r="F492" s="16" t="s">
        <v>189</v>
      </c>
      <c r="G492" s="16" t="s">
        <v>1181</v>
      </c>
      <c r="H492" s="16" t="s">
        <v>310</v>
      </c>
      <c r="I492" s="18"/>
    </row>
    <row r="493" spans="1:9" ht="27.9" customHeight="1">
      <c r="A493" s="7" t="s">
        <v>353</v>
      </c>
      <c r="B493" s="7" t="s">
        <v>276</v>
      </c>
      <c r="C493" s="7">
        <v>12</v>
      </c>
      <c r="D493" s="16" t="s">
        <v>330</v>
      </c>
      <c r="E493" s="17" t="s">
        <v>345</v>
      </c>
      <c r="F493" s="16" t="s">
        <v>190</v>
      </c>
      <c r="G493" s="16" t="s">
        <v>15</v>
      </c>
      <c r="H493" s="16" t="s">
        <v>310</v>
      </c>
      <c r="I493" s="18"/>
    </row>
    <row r="494" spans="1:9" ht="27.9" customHeight="1">
      <c r="A494" s="7" t="s">
        <v>353</v>
      </c>
      <c r="B494" s="7" t="s">
        <v>276</v>
      </c>
      <c r="C494" s="7">
        <v>13</v>
      </c>
      <c r="D494" s="16" t="s">
        <v>331</v>
      </c>
      <c r="E494" s="17" t="s">
        <v>343</v>
      </c>
      <c r="F494" s="16" t="s">
        <v>191</v>
      </c>
      <c r="G494" s="16" t="s">
        <v>1176</v>
      </c>
      <c r="H494" s="16" t="s">
        <v>310</v>
      </c>
      <c r="I494" s="18"/>
    </row>
    <row r="495" spans="1:9" ht="27.9" customHeight="1">
      <c r="A495" s="7" t="s">
        <v>353</v>
      </c>
      <c r="B495" s="7" t="s">
        <v>276</v>
      </c>
      <c r="C495" s="7">
        <v>14</v>
      </c>
      <c r="D495" s="16" t="s">
        <v>144</v>
      </c>
      <c r="E495" s="17" t="s">
        <v>345</v>
      </c>
      <c r="F495" s="16" t="s">
        <v>192</v>
      </c>
      <c r="G495" s="16" t="s">
        <v>1183</v>
      </c>
      <c r="H495" s="16" t="s">
        <v>310</v>
      </c>
      <c r="I495" s="18"/>
    </row>
    <row r="496" spans="1:9" ht="27.9" customHeight="1">
      <c r="A496" s="7" t="s">
        <v>353</v>
      </c>
      <c r="B496" s="7" t="s">
        <v>276</v>
      </c>
      <c r="C496" s="7">
        <v>15</v>
      </c>
      <c r="D496" s="16" t="s">
        <v>143</v>
      </c>
      <c r="E496" s="17" t="s">
        <v>345</v>
      </c>
      <c r="F496" s="16" t="s">
        <v>193</v>
      </c>
      <c r="G496" s="16" t="s">
        <v>1165</v>
      </c>
      <c r="H496" s="16" t="s">
        <v>310</v>
      </c>
      <c r="I496" s="18"/>
    </row>
    <row r="497" spans="1:9" ht="27.9" customHeight="1">
      <c r="A497" s="7" t="s">
        <v>353</v>
      </c>
      <c r="B497" s="7" t="s">
        <v>276</v>
      </c>
      <c r="C497" s="7">
        <v>16</v>
      </c>
      <c r="D497" s="16" t="s">
        <v>332</v>
      </c>
      <c r="E497" s="17" t="s">
        <v>345</v>
      </c>
      <c r="F497" s="16" t="s">
        <v>194</v>
      </c>
      <c r="G497" s="16" t="s">
        <v>1165</v>
      </c>
      <c r="H497" s="16" t="s">
        <v>310</v>
      </c>
      <c r="I497" s="18"/>
    </row>
    <row r="498" spans="1:9" ht="27.9" customHeight="1">
      <c r="A498" s="7" t="s">
        <v>353</v>
      </c>
      <c r="B498" s="7" t="s">
        <v>276</v>
      </c>
      <c r="C498" s="7">
        <v>17</v>
      </c>
      <c r="D498" s="16" t="s">
        <v>308</v>
      </c>
      <c r="E498" s="17" t="s">
        <v>345</v>
      </c>
      <c r="F498" s="16" t="s">
        <v>195</v>
      </c>
      <c r="G498" s="16" t="s">
        <v>1184</v>
      </c>
      <c r="H498" s="16" t="s">
        <v>310</v>
      </c>
      <c r="I498" s="18"/>
    </row>
    <row r="499" spans="1:9" ht="27.9" customHeight="1">
      <c r="A499" s="7" t="s">
        <v>353</v>
      </c>
      <c r="B499" s="7" t="s">
        <v>276</v>
      </c>
      <c r="C499" s="7">
        <v>18</v>
      </c>
      <c r="D499" s="16" t="s">
        <v>333</v>
      </c>
      <c r="E499" s="17" t="s">
        <v>345</v>
      </c>
      <c r="F499" s="16" t="s">
        <v>196</v>
      </c>
      <c r="G499" s="16" t="s">
        <v>1173</v>
      </c>
      <c r="H499" s="16" t="s">
        <v>310</v>
      </c>
      <c r="I499" s="18"/>
    </row>
    <row r="500" spans="1:9" ht="27.9" customHeight="1">
      <c r="A500" s="7" t="s">
        <v>353</v>
      </c>
      <c r="B500" s="7" t="s">
        <v>276</v>
      </c>
      <c r="C500" s="7">
        <v>19</v>
      </c>
      <c r="D500" s="16" t="s">
        <v>334</v>
      </c>
      <c r="E500" s="17" t="s">
        <v>345</v>
      </c>
      <c r="F500" s="16" t="s">
        <v>197</v>
      </c>
      <c r="G500" s="16" t="s">
        <v>1185</v>
      </c>
      <c r="H500" s="16" t="s">
        <v>310</v>
      </c>
      <c r="I500" s="18"/>
    </row>
    <row r="501" spans="1:9" ht="27.9" customHeight="1">
      <c r="A501" s="7" t="s">
        <v>353</v>
      </c>
      <c r="B501" s="7" t="s">
        <v>276</v>
      </c>
      <c r="C501" s="7">
        <v>20</v>
      </c>
      <c r="D501" s="16" t="s">
        <v>324</v>
      </c>
      <c r="E501" s="17" t="s">
        <v>345</v>
      </c>
      <c r="F501" s="16" t="s">
        <v>198</v>
      </c>
      <c r="G501" s="16" t="s">
        <v>1182</v>
      </c>
      <c r="H501" s="16" t="s">
        <v>310</v>
      </c>
      <c r="I501" s="18"/>
    </row>
    <row r="502" spans="1:9" ht="27.9" customHeight="1">
      <c r="A502" s="7" t="s">
        <v>353</v>
      </c>
      <c r="B502" s="7" t="s">
        <v>276</v>
      </c>
      <c r="C502" s="7">
        <v>21</v>
      </c>
      <c r="D502" s="16" t="s">
        <v>335</v>
      </c>
      <c r="E502" s="17" t="s">
        <v>345</v>
      </c>
      <c r="F502" s="16" t="s">
        <v>199</v>
      </c>
      <c r="G502" s="16" t="s">
        <v>1080</v>
      </c>
      <c r="H502" s="16" t="s">
        <v>310</v>
      </c>
      <c r="I502" s="18"/>
    </row>
    <row r="503" spans="1:9" ht="27.9" customHeight="1">
      <c r="A503" s="7" t="s">
        <v>353</v>
      </c>
      <c r="B503" s="7" t="s">
        <v>276</v>
      </c>
      <c r="C503" s="7">
        <v>22</v>
      </c>
      <c r="D503" s="16" t="s">
        <v>336</v>
      </c>
      <c r="E503" s="17" t="s">
        <v>344</v>
      </c>
      <c r="F503" s="16" t="s">
        <v>200</v>
      </c>
      <c r="G503" s="16" t="s">
        <v>1181</v>
      </c>
      <c r="H503" s="16" t="s">
        <v>310</v>
      </c>
      <c r="I503" s="18"/>
    </row>
    <row r="504" spans="1:9" ht="27.9" customHeight="1">
      <c r="A504" s="7" t="s">
        <v>353</v>
      </c>
      <c r="B504" s="7" t="s">
        <v>300</v>
      </c>
      <c r="C504" s="7">
        <v>1</v>
      </c>
      <c r="D504" s="16" t="s">
        <v>17</v>
      </c>
      <c r="E504" s="17" t="s">
        <v>345</v>
      </c>
      <c r="F504" s="16" t="s">
        <v>18</v>
      </c>
      <c r="G504" s="16" t="s">
        <v>1069</v>
      </c>
      <c r="H504" s="16" t="s">
        <v>348</v>
      </c>
      <c r="I504" s="18"/>
    </row>
    <row r="505" spans="1:9" ht="27.9" customHeight="1">
      <c r="A505" s="7" t="s">
        <v>353</v>
      </c>
      <c r="B505" s="7" t="s">
        <v>300</v>
      </c>
      <c r="C505" s="7">
        <v>2</v>
      </c>
      <c r="D505" s="16" t="s">
        <v>19</v>
      </c>
      <c r="E505" s="17" t="s">
        <v>345</v>
      </c>
      <c r="F505" s="16" t="s">
        <v>20</v>
      </c>
      <c r="G505" s="16" t="s">
        <v>1069</v>
      </c>
      <c r="H505" s="16" t="s">
        <v>348</v>
      </c>
      <c r="I505" s="18"/>
    </row>
    <row r="506" spans="1:9" ht="27.9" customHeight="1">
      <c r="A506" s="7" t="s">
        <v>353</v>
      </c>
      <c r="B506" s="7" t="s">
        <v>300</v>
      </c>
      <c r="C506" s="7">
        <v>3</v>
      </c>
      <c r="D506" s="16" t="s">
        <v>21</v>
      </c>
      <c r="E506" s="17" t="s">
        <v>345</v>
      </c>
      <c r="F506" s="16" t="s">
        <v>22</v>
      </c>
      <c r="G506" s="16" t="s">
        <v>1069</v>
      </c>
      <c r="H506" s="16" t="s">
        <v>348</v>
      </c>
      <c r="I506" s="18"/>
    </row>
    <row r="507" spans="1:9" ht="27.9" customHeight="1">
      <c r="A507" s="7" t="s">
        <v>353</v>
      </c>
      <c r="B507" s="7" t="s">
        <v>300</v>
      </c>
      <c r="C507" s="7">
        <v>4</v>
      </c>
      <c r="D507" s="16" t="s">
        <v>92</v>
      </c>
      <c r="E507" s="17" t="s">
        <v>345</v>
      </c>
      <c r="F507" s="16" t="s">
        <v>23</v>
      </c>
      <c r="G507" s="16" t="s">
        <v>1186</v>
      </c>
      <c r="H507" s="16" t="s">
        <v>348</v>
      </c>
      <c r="I507" s="18"/>
    </row>
    <row r="508" spans="1:9" ht="27.9" customHeight="1">
      <c r="A508" s="7" t="s">
        <v>353</v>
      </c>
      <c r="B508" s="7" t="s">
        <v>300</v>
      </c>
      <c r="C508" s="7">
        <v>5</v>
      </c>
      <c r="D508" s="16" t="s">
        <v>86</v>
      </c>
      <c r="E508" s="17" t="s">
        <v>345</v>
      </c>
      <c r="F508" s="16" t="s">
        <v>24</v>
      </c>
      <c r="G508" s="24" t="s">
        <v>1082</v>
      </c>
      <c r="H508" s="16" t="s">
        <v>348</v>
      </c>
      <c r="I508" s="18"/>
    </row>
    <row r="509" spans="1:9" ht="27.9" customHeight="1">
      <c r="A509" s="7" t="s">
        <v>353</v>
      </c>
      <c r="B509" s="7" t="s">
        <v>300</v>
      </c>
      <c r="C509" s="7">
        <v>6</v>
      </c>
      <c r="D509" s="16" t="s">
        <v>25</v>
      </c>
      <c r="E509" s="17" t="s">
        <v>345</v>
      </c>
      <c r="F509" s="16" t="s">
        <v>26</v>
      </c>
      <c r="G509" s="16" t="s">
        <v>1187</v>
      </c>
      <c r="H509" s="16" t="s">
        <v>348</v>
      </c>
      <c r="I509" s="18"/>
    </row>
    <row r="510" spans="1:9" ht="27.9" customHeight="1">
      <c r="A510" s="7" t="s">
        <v>353</v>
      </c>
      <c r="B510" s="7" t="s">
        <v>300</v>
      </c>
      <c r="C510" s="7">
        <v>7</v>
      </c>
      <c r="D510" s="16" t="s">
        <v>301</v>
      </c>
      <c r="E510" s="17" t="s">
        <v>345</v>
      </c>
      <c r="F510" s="16" t="s">
        <v>27</v>
      </c>
      <c r="G510" s="24" t="s">
        <v>1082</v>
      </c>
      <c r="H510" s="16" t="s">
        <v>348</v>
      </c>
      <c r="I510" s="18"/>
    </row>
    <row r="511" spans="1:9" ht="27.9" customHeight="1">
      <c r="A511" s="7" t="s">
        <v>353</v>
      </c>
      <c r="B511" s="7" t="s">
        <v>300</v>
      </c>
      <c r="C511" s="7">
        <v>8</v>
      </c>
      <c r="D511" s="16" t="s">
        <v>28</v>
      </c>
      <c r="E511" s="17" t="s">
        <v>345</v>
      </c>
      <c r="F511" s="16" t="s">
        <v>29</v>
      </c>
      <c r="G511" s="24" t="s">
        <v>1050</v>
      </c>
      <c r="H511" s="16" t="s">
        <v>348</v>
      </c>
      <c r="I511" s="18"/>
    </row>
    <row r="512" spans="1:9" ht="27.9" customHeight="1">
      <c r="A512" s="7" t="s">
        <v>353</v>
      </c>
      <c r="B512" s="7" t="s">
        <v>300</v>
      </c>
      <c r="C512" s="7">
        <v>9</v>
      </c>
      <c r="D512" s="16" t="s">
        <v>302</v>
      </c>
      <c r="E512" s="17" t="s">
        <v>345</v>
      </c>
      <c r="F512" s="16" t="s">
        <v>30</v>
      </c>
      <c r="G512" s="16" t="s">
        <v>7</v>
      </c>
      <c r="H512" s="16" t="s">
        <v>348</v>
      </c>
      <c r="I512" s="18"/>
    </row>
    <row r="513" spans="1:9" ht="27.9" customHeight="1">
      <c r="A513" s="7" t="s">
        <v>353</v>
      </c>
      <c r="B513" s="7" t="s">
        <v>300</v>
      </c>
      <c r="C513" s="7">
        <v>10</v>
      </c>
      <c r="D513" s="16" t="s">
        <v>32</v>
      </c>
      <c r="E513" s="17" t="s">
        <v>345</v>
      </c>
      <c r="F513" s="16" t="s">
        <v>33</v>
      </c>
      <c r="G513" s="16" t="s">
        <v>31</v>
      </c>
      <c r="H513" s="16" t="s">
        <v>348</v>
      </c>
      <c r="I513" s="18"/>
    </row>
    <row r="514" spans="1:9" ht="27.9" customHeight="1">
      <c r="A514" s="7" t="s">
        <v>353</v>
      </c>
      <c r="B514" s="7" t="s">
        <v>300</v>
      </c>
      <c r="C514" s="7">
        <v>11</v>
      </c>
      <c r="D514" s="16" t="s">
        <v>35</v>
      </c>
      <c r="E514" s="17" t="s">
        <v>345</v>
      </c>
      <c r="F514" s="16" t="s">
        <v>36</v>
      </c>
      <c r="G514" s="16" t="s">
        <v>34</v>
      </c>
      <c r="H514" s="16" t="s">
        <v>348</v>
      </c>
      <c r="I514" s="18"/>
    </row>
    <row r="515" spans="1:9" ht="27.9" customHeight="1">
      <c r="A515" s="7" t="s">
        <v>353</v>
      </c>
      <c r="B515" s="7" t="s">
        <v>300</v>
      </c>
      <c r="C515" s="7">
        <v>12</v>
      </c>
      <c r="D515" s="16" t="s">
        <v>37</v>
      </c>
      <c r="E515" s="17" t="s">
        <v>345</v>
      </c>
      <c r="F515" s="16" t="s">
        <v>38</v>
      </c>
      <c r="G515" s="24" t="s">
        <v>1050</v>
      </c>
      <c r="H515" s="16" t="s">
        <v>348</v>
      </c>
      <c r="I515" s="18"/>
    </row>
    <row r="516" spans="1:9" ht="27.9" customHeight="1">
      <c r="A516" s="7" t="s">
        <v>353</v>
      </c>
      <c r="B516" s="7" t="s">
        <v>300</v>
      </c>
      <c r="C516" s="7">
        <v>13</v>
      </c>
      <c r="D516" s="16" t="s">
        <v>39</v>
      </c>
      <c r="E516" s="17" t="s">
        <v>345</v>
      </c>
      <c r="F516" s="16" t="s">
        <v>40</v>
      </c>
      <c r="G516" s="16" t="s">
        <v>7</v>
      </c>
      <c r="H516" s="16" t="s">
        <v>348</v>
      </c>
      <c r="I516" s="18"/>
    </row>
    <row r="517" spans="1:9" ht="27.9" customHeight="1">
      <c r="A517" s="7" t="s">
        <v>353</v>
      </c>
      <c r="B517" s="7" t="s">
        <v>300</v>
      </c>
      <c r="C517" s="7">
        <v>14</v>
      </c>
      <c r="D517" s="16" t="s">
        <v>42</v>
      </c>
      <c r="E517" s="17" t="s">
        <v>344</v>
      </c>
      <c r="F517" s="16" t="s">
        <v>43</v>
      </c>
      <c r="G517" s="16" t="s">
        <v>41</v>
      </c>
      <c r="H517" s="16" t="s">
        <v>348</v>
      </c>
      <c r="I517" s="18"/>
    </row>
    <row r="518" spans="1:9" ht="27.9" customHeight="1">
      <c r="A518" s="7" t="s">
        <v>353</v>
      </c>
      <c r="B518" s="7" t="s">
        <v>300</v>
      </c>
      <c r="C518" s="7">
        <v>15</v>
      </c>
      <c r="D518" s="16" t="s">
        <v>94</v>
      </c>
      <c r="E518" s="17" t="s">
        <v>345</v>
      </c>
      <c r="F518" s="16" t="s">
        <v>45</v>
      </c>
      <c r="G518" s="16" t="s">
        <v>44</v>
      </c>
      <c r="H518" s="16" t="s">
        <v>348</v>
      </c>
      <c r="I518" s="18"/>
    </row>
    <row r="519" spans="1:9" ht="27.9" customHeight="1">
      <c r="A519" s="7" t="s">
        <v>353</v>
      </c>
      <c r="B519" s="7" t="s">
        <v>300</v>
      </c>
      <c r="C519" s="7">
        <v>16</v>
      </c>
      <c r="D519" s="16" t="s">
        <v>93</v>
      </c>
      <c r="E519" s="17" t="s">
        <v>345</v>
      </c>
      <c r="F519" s="16" t="s">
        <v>46</v>
      </c>
      <c r="G519" s="16" t="s">
        <v>1079</v>
      </c>
      <c r="H519" s="16" t="s">
        <v>348</v>
      </c>
      <c r="I519" s="18"/>
    </row>
    <row r="520" spans="1:9" ht="27.9" customHeight="1">
      <c r="A520" s="7" t="s">
        <v>353</v>
      </c>
      <c r="B520" s="7" t="s">
        <v>300</v>
      </c>
      <c r="C520" s="7">
        <v>17</v>
      </c>
      <c r="D520" s="16" t="s">
        <v>303</v>
      </c>
      <c r="E520" s="17" t="s">
        <v>345</v>
      </c>
      <c r="F520" s="16" t="s">
        <v>47</v>
      </c>
      <c r="G520" s="16" t="s">
        <v>44</v>
      </c>
      <c r="H520" s="16" t="s">
        <v>348</v>
      </c>
      <c r="I520" s="18"/>
    </row>
    <row r="521" spans="1:9" ht="27.9" customHeight="1">
      <c r="A521" s="7" t="s">
        <v>353</v>
      </c>
      <c r="B521" s="7" t="s">
        <v>300</v>
      </c>
      <c r="C521" s="7">
        <v>18</v>
      </c>
      <c r="D521" s="16" t="s">
        <v>48</v>
      </c>
      <c r="E521" s="17" t="s">
        <v>345</v>
      </c>
      <c r="F521" s="16" t="s">
        <v>87</v>
      </c>
      <c r="G521" s="16" t="s">
        <v>1200</v>
      </c>
      <c r="H521" s="16" t="s">
        <v>348</v>
      </c>
      <c r="I521" s="18"/>
    </row>
    <row r="522" spans="1:9" ht="27.9" customHeight="1">
      <c r="A522" s="7" t="s">
        <v>353</v>
      </c>
      <c r="B522" s="7" t="s">
        <v>300</v>
      </c>
      <c r="C522" s="7">
        <v>19</v>
      </c>
      <c r="D522" s="16" t="s">
        <v>50</v>
      </c>
      <c r="E522" s="17" t="s">
        <v>343</v>
      </c>
      <c r="F522" s="16" t="s">
        <v>51</v>
      </c>
      <c r="G522" s="16" t="s">
        <v>49</v>
      </c>
      <c r="H522" s="16" t="s">
        <v>348</v>
      </c>
      <c r="I522" s="18"/>
    </row>
    <row r="523" spans="1:9" ht="27.9" customHeight="1">
      <c r="A523" s="7" t="s">
        <v>353</v>
      </c>
      <c r="B523" s="7" t="s">
        <v>300</v>
      </c>
      <c r="C523" s="7">
        <v>20</v>
      </c>
      <c r="D523" s="16" t="s">
        <v>52</v>
      </c>
      <c r="E523" s="17" t="s">
        <v>345</v>
      </c>
      <c r="F523" s="16" t="s">
        <v>88</v>
      </c>
      <c r="G523" s="16" t="s">
        <v>1079</v>
      </c>
      <c r="H523" s="16" t="s">
        <v>348</v>
      </c>
      <c r="I523" s="18"/>
    </row>
    <row r="524" spans="1:9" ht="27.9" customHeight="1">
      <c r="A524" s="7" t="s">
        <v>353</v>
      </c>
      <c r="B524" s="7" t="s">
        <v>300</v>
      </c>
      <c r="C524" s="7">
        <v>21</v>
      </c>
      <c r="D524" s="16" t="s">
        <v>53</v>
      </c>
      <c r="E524" s="17" t="s">
        <v>345</v>
      </c>
      <c r="F524" s="16" t="s">
        <v>54</v>
      </c>
      <c r="G524" s="16" t="s">
        <v>2</v>
      </c>
      <c r="H524" s="16" t="s">
        <v>348</v>
      </c>
      <c r="I524" s="18"/>
    </row>
    <row r="525" spans="1:9" ht="27.9" customHeight="1">
      <c r="A525" s="7" t="s">
        <v>353</v>
      </c>
      <c r="B525" s="7" t="s">
        <v>300</v>
      </c>
      <c r="C525" s="7">
        <v>22</v>
      </c>
      <c r="D525" s="16" t="s">
        <v>55</v>
      </c>
      <c r="E525" s="17" t="s">
        <v>345</v>
      </c>
      <c r="F525" s="16" t="s">
        <v>56</v>
      </c>
      <c r="G525" s="16" t="s">
        <v>44</v>
      </c>
      <c r="H525" s="16" t="s">
        <v>348</v>
      </c>
      <c r="I525" s="18"/>
    </row>
    <row r="526" spans="1:9" ht="27.9" customHeight="1">
      <c r="A526" s="7" t="s">
        <v>353</v>
      </c>
      <c r="B526" s="7" t="s">
        <v>300</v>
      </c>
      <c r="C526" s="7">
        <v>23</v>
      </c>
      <c r="D526" s="16" t="s">
        <v>57</v>
      </c>
      <c r="E526" s="17" t="s">
        <v>344</v>
      </c>
      <c r="F526" s="16" t="s">
        <v>58</v>
      </c>
      <c r="G526" s="16" t="s">
        <v>41</v>
      </c>
      <c r="H526" s="16" t="s">
        <v>348</v>
      </c>
      <c r="I526" s="18"/>
    </row>
    <row r="527" spans="1:9" ht="27.9" customHeight="1">
      <c r="A527" s="7" t="s">
        <v>353</v>
      </c>
      <c r="B527" s="7" t="s">
        <v>300</v>
      </c>
      <c r="C527" s="7">
        <v>24</v>
      </c>
      <c r="D527" s="16" t="s">
        <v>59</v>
      </c>
      <c r="E527" s="17" t="s">
        <v>346</v>
      </c>
      <c r="F527" s="16" t="s">
        <v>60</v>
      </c>
      <c r="G527" s="13" t="s">
        <v>1101</v>
      </c>
      <c r="H527" s="16" t="s">
        <v>348</v>
      </c>
      <c r="I527" s="18"/>
    </row>
    <row r="528" spans="1:9" ht="27.9" customHeight="1">
      <c r="A528" s="7" t="s">
        <v>353</v>
      </c>
      <c r="B528" s="7" t="s">
        <v>300</v>
      </c>
      <c r="C528" s="7">
        <v>25</v>
      </c>
      <c r="D528" s="16" t="s">
        <v>61</v>
      </c>
      <c r="E528" s="17" t="s">
        <v>345</v>
      </c>
      <c r="F528" s="16" t="s">
        <v>62</v>
      </c>
      <c r="G528" s="16" t="s">
        <v>1079</v>
      </c>
      <c r="H528" s="16" t="s">
        <v>348</v>
      </c>
      <c r="I528" s="18"/>
    </row>
    <row r="529" spans="1:9" ht="27.9" customHeight="1">
      <c r="A529" s="7" t="s">
        <v>353</v>
      </c>
      <c r="B529" s="7" t="s">
        <v>300</v>
      </c>
      <c r="C529" s="7">
        <v>26</v>
      </c>
      <c r="D529" s="16" t="s">
        <v>64</v>
      </c>
      <c r="E529" s="17" t="s">
        <v>346</v>
      </c>
      <c r="F529" s="16" t="s">
        <v>65</v>
      </c>
      <c r="G529" s="16" t="s">
        <v>63</v>
      </c>
      <c r="H529" s="16" t="s">
        <v>348</v>
      </c>
      <c r="I529" s="18"/>
    </row>
    <row r="530" spans="1:9" ht="27.9" customHeight="1">
      <c r="A530" s="7" t="s">
        <v>353</v>
      </c>
      <c r="B530" s="7" t="s">
        <v>300</v>
      </c>
      <c r="C530" s="7">
        <v>27</v>
      </c>
      <c r="D530" s="16" t="s">
        <v>66</v>
      </c>
      <c r="E530" s="17" t="s">
        <v>346</v>
      </c>
      <c r="F530" s="16" t="s">
        <v>67</v>
      </c>
      <c r="G530" s="13" t="s">
        <v>1101</v>
      </c>
      <c r="H530" s="16" t="s">
        <v>348</v>
      </c>
      <c r="I530" s="18"/>
    </row>
    <row r="531" spans="1:9" ht="27.9" customHeight="1">
      <c r="A531" s="7" t="s">
        <v>353</v>
      </c>
      <c r="B531" s="7" t="s">
        <v>300</v>
      </c>
      <c r="C531" s="7">
        <v>28</v>
      </c>
      <c r="D531" s="16" t="s">
        <v>69</v>
      </c>
      <c r="E531" s="17" t="s">
        <v>346</v>
      </c>
      <c r="F531" s="16" t="s">
        <v>70</v>
      </c>
      <c r="G531" s="16" t="s">
        <v>68</v>
      </c>
      <c r="H531" s="16" t="s">
        <v>348</v>
      </c>
      <c r="I531" s="18"/>
    </row>
    <row r="532" spans="1:9" ht="27.9" customHeight="1">
      <c r="A532" s="7" t="s">
        <v>353</v>
      </c>
      <c r="B532" s="7" t="s">
        <v>300</v>
      </c>
      <c r="C532" s="7">
        <v>29</v>
      </c>
      <c r="D532" s="16" t="s">
        <v>72</v>
      </c>
      <c r="E532" s="17" t="s">
        <v>346</v>
      </c>
      <c r="F532" s="16" t="s">
        <v>73</v>
      </c>
      <c r="G532" s="16" t="s">
        <v>71</v>
      </c>
      <c r="H532" s="16" t="s">
        <v>348</v>
      </c>
      <c r="I532" s="18"/>
    </row>
    <row r="533" spans="1:9" ht="27.9" customHeight="1">
      <c r="A533" s="7" t="s">
        <v>353</v>
      </c>
      <c r="B533" s="7" t="s">
        <v>300</v>
      </c>
      <c r="C533" s="7">
        <v>30</v>
      </c>
      <c r="D533" s="16" t="s">
        <v>75</v>
      </c>
      <c r="E533" s="17" t="s">
        <v>346</v>
      </c>
      <c r="F533" s="16" t="s">
        <v>76</v>
      </c>
      <c r="G533" s="16" t="s">
        <v>74</v>
      </c>
      <c r="H533" s="16" t="s">
        <v>348</v>
      </c>
      <c r="I533" s="18"/>
    </row>
    <row r="534" spans="1:9" ht="27.9" customHeight="1">
      <c r="A534" s="7" t="s">
        <v>353</v>
      </c>
      <c r="B534" s="7" t="s">
        <v>300</v>
      </c>
      <c r="C534" s="7">
        <v>31</v>
      </c>
      <c r="D534" s="16" t="s">
        <v>304</v>
      </c>
      <c r="E534" s="17" t="s">
        <v>344</v>
      </c>
      <c r="F534" s="16" t="s">
        <v>77</v>
      </c>
      <c r="G534" s="16" t="s">
        <v>41</v>
      </c>
      <c r="H534" s="16" t="s">
        <v>348</v>
      </c>
      <c r="I534" s="18"/>
    </row>
    <row r="535" spans="1:9" ht="27.9" customHeight="1">
      <c r="A535" s="7" t="s">
        <v>353</v>
      </c>
      <c r="B535" s="7" t="s">
        <v>300</v>
      </c>
      <c r="C535" s="7">
        <v>32</v>
      </c>
      <c r="D535" s="16" t="s">
        <v>89</v>
      </c>
      <c r="E535" s="17" t="s">
        <v>346</v>
      </c>
      <c r="F535" s="16" t="s">
        <v>78</v>
      </c>
      <c r="G535" s="16" t="s">
        <v>1</v>
      </c>
      <c r="H535" s="16" t="s">
        <v>348</v>
      </c>
      <c r="I535" s="18"/>
    </row>
    <row r="536" spans="1:9" ht="27.9" customHeight="1">
      <c r="A536" s="7" t="s">
        <v>353</v>
      </c>
      <c r="B536" s="7" t="s">
        <v>300</v>
      </c>
      <c r="C536" s="7">
        <v>33</v>
      </c>
      <c r="D536" s="16" t="s">
        <v>79</v>
      </c>
      <c r="E536" s="17" t="s">
        <v>346</v>
      </c>
      <c r="F536" s="16" t="s">
        <v>80</v>
      </c>
      <c r="G536" s="13" t="s">
        <v>1101</v>
      </c>
      <c r="H536" s="16" t="s">
        <v>348</v>
      </c>
      <c r="I536" s="18"/>
    </row>
    <row r="537" spans="1:9" ht="27.9" customHeight="1">
      <c r="A537" s="7" t="s">
        <v>353</v>
      </c>
      <c r="B537" s="7" t="s">
        <v>300</v>
      </c>
      <c r="C537" s="7">
        <v>1</v>
      </c>
      <c r="D537" s="16" t="s">
        <v>96</v>
      </c>
      <c r="E537" s="17" t="s">
        <v>343</v>
      </c>
      <c r="F537" s="16" t="s">
        <v>97</v>
      </c>
      <c r="G537" s="16" t="s">
        <v>104</v>
      </c>
      <c r="H537" s="16" t="s">
        <v>310</v>
      </c>
      <c r="I537" s="18"/>
    </row>
    <row r="538" spans="1:9" ht="27.9" customHeight="1">
      <c r="A538" s="7" t="s">
        <v>353</v>
      </c>
      <c r="B538" s="7" t="s">
        <v>300</v>
      </c>
      <c r="C538" s="7">
        <v>2</v>
      </c>
      <c r="D538" s="16" t="s">
        <v>306</v>
      </c>
      <c r="E538" s="17" t="s">
        <v>345</v>
      </c>
      <c r="F538" s="16" t="s">
        <v>98</v>
      </c>
      <c r="G538" s="16" t="s">
        <v>99</v>
      </c>
      <c r="H538" s="16" t="s">
        <v>310</v>
      </c>
      <c r="I538" s="18"/>
    </row>
    <row r="539" spans="1:9" ht="27.9" customHeight="1">
      <c r="A539" s="7" t="s">
        <v>353</v>
      </c>
      <c r="B539" s="7" t="s">
        <v>300</v>
      </c>
      <c r="C539" s="7">
        <v>3</v>
      </c>
      <c r="D539" s="16" t="s">
        <v>100</v>
      </c>
      <c r="E539" s="17" t="s">
        <v>345</v>
      </c>
      <c r="F539" s="16" t="s">
        <v>101</v>
      </c>
      <c r="G539" s="16" t="s">
        <v>102</v>
      </c>
      <c r="H539" s="16" t="s">
        <v>310</v>
      </c>
      <c r="I539" s="18"/>
    </row>
    <row r="540" spans="1:9" ht="27.9" customHeight="1">
      <c r="A540" s="7" t="s">
        <v>353</v>
      </c>
      <c r="B540" s="7" t="s">
        <v>300</v>
      </c>
      <c r="C540" s="7">
        <v>4</v>
      </c>
      <c r="D540" s="16" t="s">
        <v>337</v>
      </c>
      <c r="E540" s="17" t="s">
        <v>345</v>
      </c>
      <c r="F540" s="16" t="s">
        <v>103</v>
      </c>
      <c r="G540" s="16" t="s">
        <v>1188</v>
      </c>
      <c r="H540" s="16" t="s">
        <v>310</v>
      </c>
      <c r="I540" s="18"/>
    </row>
    <row r="541" spans="1:9" ht="27.9" customHeight="1">
      <c r="A541" s="7" t="s">
        <v>353</v>
      </c>
      <c r="B541" s="7" t="s">
        <v>300</v>
      </c>
      <c r="C541" s="7">
        <v>5</v>
      </c>
      <c r="D541" s="16" t="s">
        <v>105</v>
      </c>
      <c r="E541" s="17" t="s">
        <v>345</v>
      </c>
      <c r="F541" s="16" t="s">
        <v>106</v>
      </c>
      <c r="G541" s="16" t="s">
        <v>102</v>
      </c>
      <c r="H541" s="16" t="s">
        <v>310</v>
      </c>
      <c r="I541" s="18"/>
    </row>
    <row r="542" spans="1:9" ht="27.9" customHeight="1">
      <c r="A542" s="7" t="s">
        <v>353</v>
      </c>
      <c r="B542" s="7" t="s">
        <v>300</v>
      </c>
      <c r="C542" s="7">
        <v>6</v>
      </c>
      <c r="D542" s="16" t="s">
        <v>338</v>
      </c>
      <c r="E542" s="17" t="s">
        <v>345</v>
      </c>
      <c r="F542" s="16" t="s">
        <v>107</v>
      </c>
      <c r="G542" s="16" t="s">
        <v>1189</v>
      </c>
      <c r="H542" s="16" t="s">
        <v>310</v>
      </c>
      <c r="I542" s="18"/>
    </row>
    <row r="543" spans="1:9" ht="27.9" customHeight="1">
      <c r="A543" s="7" t="s">
        <v>353</v>
      </c>
      <c r="B543" s="7" t="s">
        <v>300</v>
      </c>
      <c r="C543" s="7">
        <v>7</v>
      </c>
      <c r="D543" s="16" t="s">
        <v>108</v>
      </c>
      <c r="E543" s="17" t="s">
        <v>343</v>
      </c>
      <c r="F543" s="16" t="s">
        <v>109</v>
      </c>
      <c r="G543" s="16" t="s">
        <v>8</v>
      </c>
      <c r="H543" s="16" t="s">
        <v>310</v>
      </c>
      <c r="I543" s="18"/>
    </row>
    <row r="544" spans="1:9" ht="27.9" customHeight="1">
      <c r="A544" s="7" t="s">
        <v>353</v>
      </c>
      <c r="B544" s="7" t="s">
        <v>300</v>
      </c>
      <c r="C544" s="7">
        <v>8</v>
      </c>
      <c r="D544" s="16" t="s">
        <v>339</v>
      </c>
      <c r="E544" s="17" t="s">
        <v>345</v>
      </c>
      <c r="F544" s="16" t="s">
        <v>110</v>
      </c>
      <c r="G544" s="24" t="s">
        <v>1050</v>
      </c>
      <c r="H544" s="16" t="s">
        <v>310</v>
      </c>
      <c r="I544" s="18"/>
    </row>
    <row r="545" spans="1:9" ht="27.9" customHeight="1">
      <c r="A545" s="7" t="s">
        <v>353</v>
      </c>
      <c r="B545" s="7" t="s">
        <v>300</v>
      </c>
      <c r="C545" s="7">
        <v>9</v>
      </c>
      <c r="D545" s="16" t="s">
        <v>111</v>
      </c>
      <c r="E545" s="17" t="s">
        <v>345</v>
      </c>
      <c r="F545" s="16" t="s">
        <v>112</v>
      </c>
      <c r="G545" s="16" t="s">
        <v>113</v>
      </c>
      <c r="H545" s="16" t="s">
        <v>310</v>
      </c>
      <c r="I545" s="18"/>
    </row>
    <row r="546" spans="1:9" ht="27.9" customHeight="1">
      <c r="A546" s="7" t="s">
        <v>353</v>
      </c>
      <c r="B546" s="7" t="s">
        <v>300</v>
      </c>
      <c r="C546" s="7">
        <v>10</v>
      </c>
      <c r="D546" s="16" t="s">
        <v>340</v>
      </c>
      <c r="E546" s="17" t="s">
        <v>345</v>
      </c>
      <c r="F546" s="16" t="s">
        <v>114</v>
      </c>
      <c r="G546" s="16" t="s">
        <v>1079</v>
      </c>
      <c r="H546" s="16" t="s">
        <v>310</v>
      </c>
      <c r="I546" s="18"/>
    </row>
    <row r="547" spans="1:9" ht="27.9" customHeight="1">
      <c r="A547" s="7" t="s">
        <v>353</v>
      </c>
      <c r="B547" s="7" t="s">
        <v>300</v>
      </c>
      <c r="C547" s="7">
        <v>11</v>
      </c>
      <c r="D547" s="16" t="s">
        <v>115</v>
      </c>
      <c r="E547" s="17" t="s">
        <v>345</v>
      </c>
      <c r="F547" s="16" t="s">
        <v>116</v>
      </c>
      <c r="G547" s="16" t="s">
        <v>1189</v>
      </c>
      <c r="H547" s="16" t="s">
        <v>310</v>
      </c>
      <c r="I547" s="18"/>
    </row>
    <row r="548" spans="1:9" ht="27.9" customHeight="1">
      <c r="A548" s="7" t="s">
        <v>353</v>
      </c>
      <c r="B548" s="7" t="s">
        <v>300</v>
      </c>
      <c r="C548" s="7">
        <v>12</v>
      </c>
      <c r="D548" s="16" t="s">
        <v>13</v>
      </c>
      <c r="E548" s="17" t="s">
        <v>345</v>
      </c>
      <c r="F548" s="16" t="s">
        <v>117</v>
      </c>
      <c r="G548" s="16" t="s">
        <v>118</v>
      </c>
      <c r="H548" s="16" t="s">
        <v>310</v>
      </c>
      <c r="I548" s="18"/>
    </row>
    <row r="549" spans="1:9" ht="27.9" customHeight="1">
      <c r="A549" s="7" t="s">
        <v>353</v>
      </c>
      <c r="B549" s="7" t="s">
        <v>300</v>
      </c>
      <c r="C549" s="7">
        <v>13</v>
      </c>
      <c r="D549" s="16" t="s">
        <v>119</v>
      </c>
      <c r="E549" s="17" t="s">
        <v>343</v>
      </c>
      <c r="F549" s="16" t="s">
        <v>120</v>
      </c>
      <c r="G549" s="16" t="s">
        <v>8</v>
      </c>
      <c r="H549" s="16" t="s">
        <v>310</v>
      </c>
      <c r="I549" s="18"/>
    </row>
    <row r="550" spans="1:9" ht="27.9" customHeight="1">
      <c r="A550" s="7" t="s">
        <v>353</v>
      </c>
      <c r="B550" s="7" t="s">
        <v>300</v>
      </c>
      <c r="C550" s="7">
        <v>14</v>
      </c>
      <c r="D550" s="16" t="s">
        <v>326</v>
      </c>
      <c r="E550" s="17" t="s">
        <v>345</v>
      </c>
      <c r="F550" s="16" t="s">
        <v>121</v>
      </c>
      <c r="G550" s="16" t="s">
        <v>122</v>
      </c>
      <c r="H550" s="16" t="s">
        <v>310</v>
      </c>
      <c r="I550" s="18"/>
    </row>
    <row r="551" spans="1:9" ht="27.9" customHeight="1">
      <c r="A551" s="7" t="s">
        <v>353</v>
      </c>
      <c r="B551" s="7" t="s">
        <v>300</v>
      </c>
      <c r="C551" s="7">
        <v>15</v>
      </c>
      <c r="D551" s="16" t="s">
        <v>123</v>
      </c>
      <c r="E551" s="17" t="s">
        <v>345</v>
      </c>
      <c r="F551" s="16" t="s">
        <v>124</v>
      </c>
      <c r="G551" s="24" t="s">
        <v>1050</v>
      </c>
      <c r="H551" s="16" t="s">
        <v>310</v>
      </c>
      <c r="I551" s="18"/>
    </row>
    <row r="552" spans="1:9" ht="27.9" customHeight="1">
      <c r="A552" s="7" t="s">
        <v>353</v>
      </c>
      <c r="B552" s="7" t="s">
        <v>300</v>
      </c>
      <c r="C552" s="7">
        <v>16</v>
      </c>
      <c r="D552" s="16" t="s">
        <v>13</v>
      </c>
      <c r="E552" s="17" t="s">
        <v>345</v>
      </c>
      <c r="F552" s="16" t="s">
        <v>125</v>
      </c>
      <c r="G552" s="16" t="s">
        <v>1079</v>
      </c>
      <c r="H552" s="16" t="s">
        <v>310</v>
      </c>
      <c r="I552" s="18"/>
    </row>
    <row r="553" spans="1:9" ht="27.9" customHeight="1">
      <c r="A553" s="7" t="s">
        <v>353</v>
      </c>
      <c r="B553" s="7" t="s">
        <v>300</v>
      </c>
      <c r="C553" s="7">
        <v>17</v>
      </c>
      <c r="D553" s="16" t="s">
        <v>341</v>
      </c>
      <c r="E553" s="17" t="s">
        <v>345</v>
      </c>
      <c r="F553" s="16" t="s">
        <v>126</v>
      </c>
      <c r="G553" s="16" t="s">
        <v>118</v>
      </c>
      <c r="H553" s="16" t="s">
        <v>310</v>
      </c>
      <c r="I553" s="18"/>
    </row>
    <row r="554" spans="1:9" ht="27.9" customHeight="1">
      <c r="A554" s="7" t="s">
        <v>353</v>
      </c>
      <c r="B554" s="7" t="s">
        <v>300</v>
      </c>
      <c r="C554" s="7">
        <v>18</v>
      </c>
      <c r="D554" s="16" t="s">
        <v>127</v>
      </c>
      <c r="E554" s="17" t="s">
        <v>345</v>
      </c>
      <c r="F554" s="16" t="s">
        <v>128</v>
      </c>
      <c r="G554" s="16" t="s">
        <v>1079</v>
      </c>
      <c r="H554" s="16" t="s">
        <v>310</v>
      </c>
      <c r="I554" s="18"/>
    </row>
    <row r="555" spans="1:9" ht="27.9" customHeight="1">
      <c r="A555" s="7" t="s">
        <v>353</v>
      </c>
      <c r="B555" s="7" t="s">
        <v>300</v>
      </c>
      <c r="C555" s="7">
        <v>19</v>
      </c>
      <c r="D555" s="16" t="s">
        <v>129</v>
      </c>
      <c r="E555" s="17" t="s">
        <v>345</v>
      </c>
      <c r="F555" s="16" t="s">
        <v>130</v>
      </c>
      <c r="G555" s="16" t="s">
        <v>1190</v>
      </c>
      <c r="H555" s="16" t="s">
        <v>310</v>
      </c>
      <c r="I555" s="18"/>
    </row>
    <row r="556" spans="1:9" ht="27.9" customHeight="1">
      <c r="A556" s="7" t="s">
        <v>353</v>
      </c>
      <c r="B556" s="7" t="s">
        <v>300</v>
      </c>
      <c r="C556" s="7">
        <v>20</v>
      </c>
      <c r="D556" s="16" t="s">
        <v>131</v>
      </c>
      <c r="E556" s="17" t="s">
        <v>345</v>
      </c>
      <c r="F556" s="16" t="s">
        <v>132</v>
      </c>
      <c r="G556" s="16" t="s">
        <v>113</v>
      </c>
      <c r="H556" s="16" t="s">
        <v>310</v>
      </c>
      <c r="I556" s="18"/>
    </row>
    <row r="557" spans="1:9" ht="27.9" customHeight="1">
      <c r="A557" s="7" t="s">
        <v>353</v>
      </c>
      <c r="B557" s="7" t="s">
        <v>300</v>
      </c>
      <c r="C557" s="7">
        <v>21</v>
      </c>
      <c r="D557" s="16" t="s">
        <v>133</v>
      </c>
      <c r="E557" s="17" t="s">
        <v>345</v>
      </c>
      <c r="F557" s="16" t="s">
        <v>134</v>
      </c>
      <c r="G557" s="16" t="s">
        <v>99</v>
      </c>
      <c r="H557" s="16" t="s">
        <v>310</v>
      </c>
      <c r="I557" s="18"/>
    </row>
    <row r="558" spans="1:9" ht="27.9" customHeight="1">
      <c r="A558" s="7" t="s">
        <v>353</v>
      </c>
      <c r="B558" s="7" t="s">
        <v>300</v>
      </c>
      <c r="C558" s="7">
        <v>22</v>
      </c>
      <c r="D558" s="16" t="s">
        <v>342</v>
      </c>
      <c r="E558" s="17" t="s">
        <v>345</v>
      </c>
      <c r="F558" s="16" t="s">
        <v>135</v>
      </c>
      <c r="G558" s="16" t="s">
        <v>1201</v>
      </c>
      <c r="H558" s="16" t="s">
        <v>310</v>
      </c>
      <c r="I558" s="18"/>
    </row>
    <row r="559" spans="1:9" ht="27.9" customHeight="1">
      <c r="A559" s="7" t="s">
        <v>353</v>
      </c>
      <c r="B559" s="7" t="s">
        <v>300</v>
      </c>
      <c r="C559" s="7">
        <v>23</v>
      </c>
      <c r="D559" s="16" t="s">
        <v>136</v>
      </c>
      <c r="E559" s="17" t="s">
        <v>343</v>
      </c>
      <c r="F559" s="16" t="s">
        <v>137</v>
      </c>
      <c r="G559" s="16" t="s">
        <v>102</v>
      </c>
      <c r="H559" s="16" t="s">
        <v>310</v>
      </c>
      <c r="I559" s="18"/>
    </row>
    <row r="560" spans="1:9" ht="27.9" customHeight="1">
      <c r="A560" s="7" t="s">
        <v>353</v>
      </c>
      <c r="B560" s="7" t="s">
        <v>300</v>
      </c>
      <c r="C560" s="7">
        <v>24</v>
      </c>
      <c r="D560" s="16" t="s">
        <v>138</v>
      </c>
      <c r="E560" s="17" t="s">
        <v>345</v>
      </c>
      <c r="F560" s="16" t="s">
        <v>139</v>
      </c>
      <c r="G560" s="16" t="s">
        <v>1189</v>
      </c>
      <c r="H560" s="16" t="s">
        <v>310</v>
      </c>
      <c r="I560" s="18"/>
    </row>
    <row r="561" spans="1:9" ht="27.9" customHeight="1">
      <c r="A561" s="7" t="s">
        <v>353</v>
      </c>
      <c r="B561" s="7" t="s">
        <v>300</v>
      </c>
      <c r="C561" s="7">
        <v>25</v>
      </c>
      <c r="D561" s="16" t="s">
        <v>140</v>
      </c>
      <c r="E561" s="17" t="s">
        <v>344</v>
      </c>
      <c r="F561" s="16" t="s">
        <v>141</v>
      </c>
      <c r="G561" s="16" t="s">
        <v>8</v>
      </c>
      <c r="H561" s="16" t="s">
        <v>310</v>
      </c>
      <c r="I561" s="18"/>
    </row>
    <row r="562" spans="1:9" ht="27.9" customHeight="1">
      <c r="A562" s="7" t="s">
        <v>353</v>
      </c>
      <c r="B562" s="7" t="s">
        <v>300</v>
      </c>
      <c r="C562" s="7">
        <v>26</v>
      </c>
      <c r="D562" s="16" t="s">
        <v>288</v>
      </c>
      <c r="E562" s="17" t="s">
        <v>344</v>
      </c>
      <c r="F562" s="16" t="s">
        <v>142</v>
      </c>
      <c r="G562" s="16" t="s">
        <v>8</v>
      </c>
      <c r="H562" s="16" t="s">
        <v>310</v>
      </c>
      <c r="I562" s="18"/>
    </row>
  </sheetData>
  <autoFilter ref="A5:I562" xr:uid="{00000000-0009-0000-0000-000000000000}"/>
  <sortState xmlns:xlrd2="http://schemas.microsoft.com/office/spreadsheetml/2017/richdata2" ref="A6:J563">
    <sortCondition descending="1" ref="B6:B563"/>
    <sortCondition ref="H6:H563"/>
    <sortCondition ref="C6:C563"/>
  </sortState>
  <phoneticPr fontId="22"/>
  <dataValidations count="2">
    <dataValidation imeMode="hiragana" allowBlank="1" showInputMessage="1" showErrorMessage="1" sqref="D341:D394 E371:E373 I341:I394 D255:D256 G551 G452 G508 G510:G511 G449 G515 G544 D5:I5 D6:F57 F58:F283 D58:E225 I6:I283 G6:G225" xr:uid="{00000000-0002-0000-0000-000000000000}"/>
    <dataValidation imeMode="on" allowBlank="1" showInputMessage="1" showErrorMessage="1" sqref="F341:F394" xr:uid="{00000000-0002-0000-0000-000001000000}"/>
  </dataValidations>
  <printOptions horizontalCentered="1"/>
  <pageMargins left="0.51181102362204722" right="0.51181102362204722" top="0.35433070866141736" bottom="0.55118110236220474" header="0.31496062992125984" footer="0.31496062992125984"/>
  <pageSetup paperSize="9" scale="79" orientation="landscape" r:id="rId1"/>
  <headerFooter>
    <oddFooter>&amp;C&amp;8&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R6公開用</vt:lpstr>
      <vt:lpstr>'R6公開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優良工事推薦状況・一覧表・名簿等</dc:title>
  <dc:creator>野間口 智子</dc:creator>
  <cp:lastModifiedBy>user</cp:lastModifiedBy>
  <cp:lastPrinted>2025-12-05T02:40:37Z</cp:lastPrinted>
  <dcterms:created xsi:type="dcterms:W3CDTF">1997-09-24T14:09:40Z</dcterms:created>
  <dcterms:modified xsi:type="dcterms:W3CDTF">2025-12-10T04:33:28Z</dcterms:modified>
</cp:coreProperties>
</file>